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1385\group\g1385002\13 統計\02 事業状況\２８年度作成分\28HP原稿\Ⅱ統計\２　経理状況\ＸＬＳ\"/>
    </mc:Choice>
  </mc:AlternateContent>
  <bookViews>
    <workbookView xWindow="0" yWindow="0" windowWidth="20490" windowHeight="7185"/>
  </bookViews>
  <sheets>
    <sheet name="第10表" sheetId="1" r:id="rId1"/>
  </sheets>
  <definedNames>
    <definedName name="_Fill" hidden="1">第10表!$O$94:$O$143</definedName>
    <definedName name="_Key1" hidden="1">#REF!</definedName>
    <definedName name="_Order1" hidden="1">0</definedName>
    <definedName name="_Regression_Int" localSheetId="0" hidden="1">1</definedName>
    <definedName name="\a">第10表!$S$195</definedName>
    <definedName name="\b">#REF!</definedName>
    <definedName name="_xlnm.Print_Area" localSheetId="0">第10表!$A$1:$O$51</definedName>
    <definedName name="Print_Area_MI" localSheetId="0">第10表!$N$1:$P$51</definedName>
    <definedName name="Print_Titles_MI" localSheetId="0">第10表!$A:$B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35" uniqueCount="105">
  <si>
    <t>第１０表 事務費負担金(補助金)に関する調べ</t>
    <phoneticPr fontId="1"/>
  </si>
  <si>
    <t>(単位:円)</t>
    <phoneticPr fontId="1"/>
  </si>
  <si>
    <t>保険者名</t>
  </si>
  <si>
    <t xml:space="preserve">総務費等決算額      </t>
    <phoneticPr fontId="1"/>
  </si>
  <si>
    <t>対      象      費　    用    　額</t>
    <rPh sb="14" eb="15">
      <t>ヒ</t>
    </rPh>
    <rPh sb="20" eb="21">
      <t>ヨウ</t>
    </rPh>
    <rPh sb="26" eb="27">
      <t>ガク</t>
    </rPh>
    <phoneticPr fontId="1"/>
  </si>
  <si>
    <t>事務費負担金</t>
    <phoneticPr fontId="1"/>
  </si>
  <si>
    <t>対総務費割合</t>
    <phoneticPr fontId="1"/>
  </si>
  <si>
    <t>負担金</t>
  </si>
  <si>
    <t>人件費決算額</t>
    <phoneticPr fontId="1"/>
  </si>
  <si>
    <t xml:space="preserve"> </t>
  </si>
  <si>
    <t xml:space="preserve"> 金   額 </t>
  </si>
  <si>
    <t xml:space="preserve"> 1 人</t>
  </si>
  <si>
    <t xml:space="preserve"> 人 件 費 </t>
  </si>
  <si>
    <t xml:space="preserve"> 人件費</t>
  </si>
  <si>
    <t>物 件 費</t>
  </si>
  <si>
    <t>1 人</t>
  </si>
  <si>
    <t>対象経費</t>
  </si>
  <si>
    <t>事務費</t>
  </si>
  <si>
    <t>/経費</t>
  </si>
  <si>
    <t>金  額</t>
  </si>
  <si>
    <t>対総務費</t>
  </si>
  <si>
    <t>A</t>
  </si>
  <si>
    <t xml:space="preserve"> 当たり</t>
  </si>
  <si>
    <t>B</t>
  </si>
  <si>
    <t>Ｃ</t>
  </si>
  <si>
    <t>割合(%)</t>
  </si>
  <si>
    <t>Ｄ</t>
  </si>
  <si>
    <t>Ｅ</t>
  </si>
  <si>
    <t>当たり</t>
    <phoneticPr fontId="1"/>
  </si>
  <si>
    <t>B/A(%)</t>
  </si>
  <si>
    <t>E/A(%)</t>
  </si>
  <si>
    <t>E/B(%)</t>
  </si>
  <si>
    <t>F</t>
  </si>
  <si>
    <t>F/A(%)</t>
  </si>
  <si>
    <t xml:space="preserve"> 横浜市</t>
    <phoneticPr fontId="1"/>
  </si>
  <si>
    <t>－</t>
  </si>
  <si>
    <t>－</t>
    <phoneticPr fontId="1"/>
  </si>
  <si>
    <t>－</t>
    <phoneticPr fontId="1"/>
  </si>
  <si>
    <t xml:space="preserve"> 川崎市</t>
  </si>
  <si>
    <t>－</t>
    <phoneticPr fontId="1"/>
  </si>
  <si>
    <t>－</t>
    <phoneticPr fontId="1"/>
  </si>
  <si>
    <t xml:space="preserve"> 横須賀市</t>
  </si>
  <si>
    <t>－</t>
    <phoneticPr fontId="1"/>
  </si>
  <si>
    <t>－</t>
    <phoneticPr fontId="1"/>
  </si>
  <si>
    <t xml:space="preserve"> 平塚市</t>
  </si>
  <si>
    <t>－</t>
    <phoneticPr fontId="1"/>
  </si>
  <si>
    <t xml:space="preserve"> 鎌倉市</t>
  </si>
  <si>
    <t>－</t>
    <phoneticPr fontId="1"/>
  </si>
  <si>
    <t xml:space="preserve"> 藤沢市</t>
  </si>
  <si>
    <t>－</t>
    <phoneticPr fontId="1"/>
  </si>
  <si>
    <t xml:space="preserve"> 小田原市</t>
  </si>
  <si>
    <t>－</t>
    <phoneticPr fontId="1"/>
  </si>
  <si>
    <t xml:space="preserve"> 茅ヶ崎市</t>
  </si>
  <si>
    <t xml:space="preserve"> 逗子市</t>
  </si>
  <si>
    <t xml:space="preserve"> 相模原市</t>
  </si>
  <si>
    <t xml:space="preserve"> 三浦市</t>
  </si>
  <si>
    <t xml:space="preserve"> 秦野市</t>
  </si>
  <si>
    <t>－</t>
    <phoneticPr fontId="1"/>
  </si>
  <si>
    <t xml:space="preserve"> 厚木市</t>
  </si>
  <si>
    <t xml:space="preserve"> 大和市</t>
  </si>
  <si>
    <t xml:space="preserve"> 伊勢原市</t>
  </si>
  <si>
    <t>－</t>
    <phoneticPr fontId="1"/>
  </si>
  <si>
    <t xml:space="preserve"> 海老名市</t>
  </si>
  <si>
    <t xml:space="preserve"> 座間市</t>
  </si>
  <si>
    <t xml:space="preserve"> 南足柄市</t>
  </si>
  <si>
    <t xml:space="preserve"> 綾瀬市</t>
  </si>
  <si>
    <t>－</t>
    <phoneticPr fontId="1"/>
  </si>
  <si>
    <t>－</t>
    <phoneticPr fontId="1"/>
  </si>
  <si>
    <t>－</t>
    <phoneticPr fontId="1"/>
  </si>
  <si>
    <t xml:space="preserve"> 葉山町</t>
  </si>
  <si>
    <t>－</t>
    <phoneticPr fontId="1"/>
  </si>
  <si>
    <t xml:space="preserve"> 寒川町</t>
  </si>
  <si>
    <t>－</t>
    <phoneticPr fontId="1"/>
  </si>
  <si>
    <t>－</t>
    <phoneticPr fontId="1"/>
  </si>
  <si>
    <t xml:space="preserve"> 大磯町</t>
  </si>
  <si>
    <t>－</t>
    <phoneticPr fontId="1"/>
  </si>
  <si>
    <t>－</t>
    <phoneticPr fontId="1"/>
  </si>
  <si>
    <t xml:space="preserve"> 二宮町</t>
  </si>
  <si>
    <t>－</t>
    <phoneticPr fontId="1"/>
  </si>
  <si>
    <t xml:space="preserve"> 中井町</t>
  </si>
  <si>
    <t>－</t>
    <phoneticPr fontId="1"/>
  </si>
  <si>
    <t xml:space="preserve"> 大井町</t>
  </si>
  <si>
    <t xml:space="preserve"> 松田町</t>
  </si>
  <si>
    <t>－</t>
    <phoneticPr fontId="1"/>
  </si>
  <si>
    <t xml:space="preserve"> 山北町</t>
  </si>
  <si>
    <t xml:space="preserve"> 開成町</t>
  </si>
  <si>
    <t xml:space="preserve"> 箱根町</t>
  </si>
  <si>
    <t xml:space="preserve"> 真鶴町</t>
  </si>
  <si>
    <t xml:space="preserve"> 湯河原町</t>
  </si>
  <si>
    <t xml:space="preserve"> 愛川町</t>
  </si>
  <si>
    <t xml:space="preserve"> 清川村</t>
  </si>
  <si>
    <t>－</t>
    <phoneticPr fontId="1"/>
  </si>
  <si>
    <t xml:space="preserve"> 城山町</t>
  </si>
  <si>
    <t xml:space="preserve"> 津久井町</t>
  </si>
  <si>
    <t xml:space="preserve"> 相模湖町</t>
  </si>
  <si>
    <t xml:space="preserve"> 藤野町</t>
  </si>
  <si>
    <t>市町村計</t>
  </si>
  <si>
    <t xml:space="preserve"> 医　師</t>
    <phoneticPr fontId="1"/>
  </si>
  <si>
    <t xml:space="preserve"> 歯科医師</t>
    <phoneticPr fontId="1"/>
  </si>
  <si>
    <t xml:space="preserve"> 食品衛生</t>
    <phoneticPr fontId="1"/>
  </si>
  <si>
    <t xml:space="preserve"> 薬剤師</t>
    <phoneticPr fontId="1"/>
  </si>
  <si>
    <t xml:space="preserve"> 建設業</t>
    <phoneticPr fontId="1"/>
  </si>
  <si>
    <t xml:space="preserve"> 建設連合</t>
    <phoneticPr fontId="1"/>
  </si>
  <si>
    <t>組    合    計</t>
    <phoneticPr fontId="1"/>
  </si>
  <si>
    <t>県　           　計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8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明朝"/>
      <family val="2"/>
      <charset val="128"/>
    </font>
    <font>
      <sz val="8"/>
      <name val="ＭＳ Ｐゴシック"/>
      <family val="3"/>
      <charset val="128"/>
    </font>
    <font>
      <u/>
      <sz val="8"/>
      <name val="ＭＳ Ｐゴシック"/>
      <family val="3"/>
      <charset val="128"/>
    </font>
    <font>
      <sz val="9"/>
      <name val="ＭＳ Ｐゴシック"/>
      <family val="3"/>
      <charset val="128"/>
    </font>
    <font>
      <sz val="14"/>
      <name val="Terminal"/>
      <family val="3"/>
      <charset val="255"/>
    </font>
    <font>
      <sz val="9"/>
      <name val="ＭＳ ゴシック"/>
      <family val="3"/>
      <charset val="128"/>
    </font>
  </fonts>
  <fills count="2">
    <fill>
      <patternFill patternType="none"/>
    </fill>
    <fill>
      <patternFill patternType="gray125"/>
    </fill>
  </fills>
  <borders count="42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/>
      <top/>
      <bottom style="double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>
      <left/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thin">
        <color indexed="64"/>
      </left>
      <right style="medium">
        <color indexed="64"/>
      </right>
      <top/>
      <bottom style="double">
        <color indexed="64"/>
      </bottom>
      <diagonal/>
    </border>
    <border>
      <left style="thin">
        <color indexed="64"/>
      </left>
      <right style="thin">
        <color indexed="8"/>
      </right>
      <top style="double">
        <color indexed="8"/>
      </top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thin">
        <color indexed="64"/>
      </bottom>
      <diagonal/>
    </border>
    <border>
      <left style="thin">
        <color indexed="64"/>
      </left>
      <right style="thin">
        <color indexed="8"/>
      </right>
      <top/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 style="double">
        <color indexed="64"/>
      </top>
      <bottom style="double">
        <color indexed="64"/>
      </bottom>
      <diagonal/>
    </border>
    <border>
      <left/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/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double">
        <color indexed="64"/>
      </bottom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double">
        <color indexed="64"/>
      </bottom>
      <diagonal/>
    </border>
    <border>
      <left style="medium">
        <color indexed="64"/>
      </left>
      <right/>
      <top style="double">
        <color indexed="64"/>
      </top>
      <bottom style="medium">
        <color indexed="64"/>
      </bottom>
      <diagonal/>
    </border>
    <border>
      <left/>
      <right style="thin">
        <color indexed="64"/>
      </right>
      <top style="double">
        <color indexed="64"/>
      </top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</borders>
  <cellStyleXfs count="4">
    <xf numFmtId="0" fontId="0" fillId="0" borderId="0"/>
    <xf numFmtId="38" fontId="1" fillId="0" borderId="0" applyFont="0" applyFill="0" applyBorder="0" applyAlignment="0" applyProtection="0"/>
    <xf numFmtId="37" fontId="6" fillId="0" borderId="0"/>
    <xf numFmtId="0" fontId="1" fillId="0" borderId="0"/>
  </cellStyleXfs>
  <cellXfs count="111">
    <xf numFmtId="0" fontId="0" fillId="0" borderId="0" xfId="0"/>
    <xf numFmtId="38" fontId="3" fillId="0" borderId="0" xfId="1" applyFont="1" applyBorder="1"/>
    <xf numFmtId="38" fontId="3" fillId="0" borderId="0" xfId="1" applyFont="1"/>
    <xf numFmtId="38" fontId="4" fillId="0" borderId="0" xfId="1" applyFont="1" applyBorder="1" applyProtection="1"/>
    <xf numFmtId="38" fontId="3" fillId="0" borderId="0" xfId="1" applyFont="1" applyBorder="1" applyAlignment="1" applyProtection="1">
      <alignment horizontal="center"/>
      <protection locked="0"/>
    </xf>
    <xf numFmtId="38" fontId="4" fillId="0" borderId="0" xfId="1" applyFont="1" applyBorder="1" applyAlignment="1" applyProtection="1">
      <alignment horizontal="left"/>
    </xf>
    <xf numFmtId="38" fontId="3" fillId="0" borderId="0" xfId="1" applyFont="1" applyBorder="1" applyAlignment="1" applyProtection="1">
      <alignment horizontal="left"/>
    </xf>
    <xf numFmtId="38" fontId="3" fillId="0" borderId="0" xfId="1" quotePrefix="1" applyFont="1" applyBorder="1" applyAlignment="1" applyProtection="1">
      <alignment horizontal="right"/>
    </xf>
    <xf numFmtId="38" fontId="5" fillId="0" borderId="6" xfId="1" applyFont="1" applyBorder="1" applyAlignment="1" applyProtection="1">
      <alignment horizontal="center"/>
    </xf>
    <xf numFmtId="38" fontId="3" fillId="0" borderId="0" xfId="1" applyFont="1" applyBorder="1" applyAlignment="1" applyProtection="1">
      <alignment horizontal="center"/>
    </xf>
    <xf numFmtId="38" fontId="3" fillId="0" borderId="0" xfId="1" applyFont="1" applyBorder="1" applyAlignment="1"/>
    <xf numFmtId="38" fontId="3" fillId="0" borderId="0" xfId="1" applyFont="1" applyAlignment="1"/>
    <xf numFmtId="38" fontId="5" fillId="0" borderId="0" xfId="1" applyFont="1" applyBorder="1" applyAlignment="1" applyProtection="1">
      <alignment horizontal="center"/>
    </xf>
    <xf numFmtId="38" fontId="5" fillId="0" borderId="10" xfId="1" applyFont="1" applyFill="1" applyBorder="1" applyAlignment="1" applyProtection="1">
      <alignment horizontal="center"/>
    </xf>
    <xf numFmtId="38" fontId="5" fillId="0" borderId="10" xfId="1" applyFont="1" applyBorder="1" applyAlignment="1" applyProtection="1">
      <alignment horizontal="center"/>
    </xf>
    <xf numFmtId="38" fontId="5" fillId="0" borderId="11" xfId="1" applyFont="1" applyBorder="1" applyAlignment="1" applyProtection="1">
      <alignment horizontal="center"/>
    </xf>
    <xf numFmtId="38" fontId="5" fillId="0" borderId="12" xfId="1" applyFont="1" applyBorder="1" applyAlignment="1" applyProtection="1">
      <alignment horizontal="center"/>
    </xf>
    <xf numFmtId="38" fontId="5" fillId="0" borderId="15" xfId="1" quotePrefix="1" applyFont="1" applyBorder="1" applyAlignment="1" applyProtection="1">
      <alignment horizontal="center"/>
    </xf>
    <xf numFmtId="38" fontId="5" fillId="0" borderId="16" xfId="1" applyFont="1" applyFill="1" applyBorder="1" applyAlignment="1" applyProtection="1">
      <alignment horizontal="center"/>
    </xf>
    <xf numFmtId="38" fontId="5" fillId="0" borderId="16" xfId="1" applyFont="1" applyBorder="1" applyAlignment="1" applyProtection="1">
      <alignment horizontal="center"/>
    </xf>
    <xf numFmtId="38" fontId="5" fillId="0" borderId="17" xfId="1" applyFont="1" applyBorder="1" applyAlignment="1" applyProtection="1">
      <alignment horizontal="center"/>
    </xf>
    <xf numFmtId="38" fontId="5" fillId="0" borderId="11" xfId="1" applyFont="1" applyBorder="1" applyAlignment="1">
      <alignment horizontal="center"/>
    </xf>
    <xf numFmtId="38" fontId="5" fillId="0" borderId="18" xfId="1" applyFont="1" applyBorder="1" applyAlignment="1" applyProtection="1">
      <alignment horizontal="center"/>
    </xf>
    <xf numFmtId="0" fontId="5" fillId="0" borderId="8" xfId="0" applyFont="1" applyBorder="1" applyAlignment="1" applyProtection="1"/>
    <xf numFmtId="37" fontId="7" fillId="0" borderId="19" xfId="2" applyFont="1" applyFill="1" applyBorder="1" applyAlignment="1" applyProtection="1">
      <alignment horizontal="left"/>
    </xf>
    <xf numFmtId="38" fontId="5" fillId="0" borderId="20" xfId="1" applyFont="1" applyBorder="1" applyAlignment="1" applyProtection="1">
      <protection locked="0"/>
    </xf>
    <xf numFmtId="38" fontId="5" fillId="0" borderId="21" xfId="1" applyFont="1" applyBorder="1" applyAlignment="1" applyProtection="1">
      <protection locked="0"/>
    </xf>
    <xf numFmtId="38" fontId="5" fillId="0" borderId="21" xfId="1" applyFont="1" applyBorder="1" applyAlignment="1" applyProtection="1">
      <alignment horizontal="center"/>
      <protection locked="0"/>
    </xf>
    <xf numFmtId="38" fontId="5" fillId="0" borderId="22" xfId="1" applyFont="1" applyBorder="1" applyAlignment="1" applyProtection="1">
      <alignment horizontal="center"/>
      <protection locked="0"/>
    </xf>
    <xf numFmtId="38" fontId="5" fillId="0" borderId="22" xfId="1" quotePrefix="1" applyFont="1" applyBorder="1" applyAlignment="1" applyProtection="1"/>
    <xf numFmtId="38" fontId="5" fillId="0" borderId="22" xfId="1" applyFont="1" applyBorder="1" applyAlignment="1" applyProtection="1">
      <protection locked="0"/>
    </xf>
    <xf numFmtId="40" fontId="5" fillId="0" borderId="21" xfId="1" applyNumberFormat="1" applyFont="1" applyBorder="1" applyAlignment="1" applyProtection="1">
      <alignment horizontal="center"/>
      <protection locked="0"/>
    </xf>
    <xf numFmtId="40" fontId="5" fillId="0" borderId="21" xfId="1" applyNumberFormat="1" applyFont="1" applyBorder="1" applyAlignment="1" applyProtection="1">
      <protection locked="0"/>
    </xf>
    <xf numFmtId="38" fontId="5" fillId="0" borderId="23" xfId="1" applyFont="1" applyBorder="1" applyAlignment="1" applyProtection="1">
      <alignment horizontal="center"/>
      <protection locked="0"/>
    </xf>
    <xf numFmtId="38" fontId="5" fillId="0" borderId="24" xfId="1" applyFont="1" applyBorder="1" applyAlignment="1" applyProtection="1">
      <alignment horizontal="center"/>
      <protection locked="0"/>
    </xf>
    <xf numFmtId="38" fontId="3" fillId="0" borderId="0" xfId="1" applyFont="1" applyBorder="1" applyProtection="1"/>
    <xf numFmtId="37" fontId="7" fillId="0" borderId="25" xfId="2" applyFont="1" applyFill="1" applyBorder="1" applyAlignment="1" applyProtection="1">
      <alignment horizontal="left"/>
    </xf>
    <xf numFmtId="0" fontId="5" fillId="0" borderId="13" xfId="0" applyFont="1" applyBorder="1" applyAlignment="1" applyProtection="1"/>
    <xf numFmtId="37" fontId="7" fillId="0" borderId="26" xfId="2" applyFont="1" applyFill="1" applyBorder="1" applyAlignment="1" applyProtection="1">
      <alignment horizontal="left"/>
    </xf>
    <xf numFmtId="38" fontId="5" fillId="0" borderId="15" xfId="1" applyFont="1" applyBorder="1" applyAlignment="1" applyProtection="1">
      <protection locked="0"/>
    </xf>
    <xf numFmtId="38" fontId="5" fillId="0" borderId="16" xfId="1" applyFont="1" applyBorder="1" applyAlignment="1" applyProtection="1">
      <protection locked="0"/>
    </xf>
    <xf numFmtId="38" fontId="5" fillId="0" borderId="16" xfId="1" applyFont="1" applyBorder="1" applyAlignment="1" applyProtection="1">
      <alignment horizontal="center"/>
      <protection locked="0"/>
    </xf>
    <xf numFmtId="38" fontId="5" fillId="0" borderId="27" xfId="1" applyFont="1" applyBorder="1" applyAlignment="1" applyProtection="1">
      <alignment horizontal="center"/>
      <protection locked="0"/>
    </xf>
    <xf numFmtId="38" fontId="5" fillId="0" borderId="17" xfId="1" applyFont="1" applyBorder="1" applyAlignment="1" applyProtection="1">
      <alignment horizontal="center"/>
      <protection locked="0"/>
    </xf>
    <xf numFmtId="38" fontId="5" fillId="0" borderId="27" xfId="1" quotePrefix="1" applyFont="1" applyBorder="1" applyAlignment="1" applyProtection="1"/>
    <xf numFmtId="38" fontId="5" fillId="0" borderId="27" xfId="1" applyFont="1" applyBorder="1" applyAlignment="1" applyProtection="1">
      <protection locked="0"/>
    </xf>
    <xf numFmtId="40" fontId="5" fillId="0" borderId="16" xfId="1" applyNumberFormat="1" applyFont="1" applyBorder="1" applyAlignment="1" applyProtection="1">
      <alignment horizontal="center"/>
      <protection locked="0"/>
    </xf>
    <xf numFmtId="40" fontId="5" fillId="0" borderId="27" xfId="1" applyNumberFormat="1" applyFont="1" applyBorder="1" applyAlignment="1" applyProtection="1">
      <protection locked="0"/>
    </xf>
    <xf numFmtId="38" fontId="5" fillId="0" borderId="28" xfId="1" applyFont="1" applyBorder="1" applyAlignment="1" applyProtection="1">
      <alignment horizontal="center"/>
      <protection locked="0"/>
    </xf>
    <xf numFmtId="38" fontId="5" fillId="0" borderId="10" xfId="1" applyFont="1" applyBorder="1" applyAlignment="1" applyProtection="1">
      <protection locked="0"/>
    </xf>
    <xf numFmtId="37" fontId="5" fillId="0" borderId="25" xfId="2" applyFont="1" applyFill="1" applyBorder="1" applyAlignment="1" applyProtection="1">
      <alignment horizontal="left"/>
    </xf>
    <xf numFmtId="38" fontId="5" fillId="0" borderId="29" xfId="1" applyFont="1" applyBorder="1" applyAlignment="1" applyProtection="1">
      <protection locked="0"/>
    </xf>
    <xf numFmtId="38" fontId="5" fillId="0" borderId="20" xfId="1" applyFont="1" applyBorder="1" applyAlignment="1" applyProtection="1">
      <alignment horizontal="center"/>
      <protection locked="0"/>
    </xf>
    <xf numFmtId="37" fontId="5" fillId="0" borderId="26" xfId="2" applyFont="1" applyFill="1" applyBorder="1" applyAlignment="1" applyProtection="1">
      <alignment horizontal="left"/>
    </xf>
    <xf numFmtId="38" fontId="5" fillId="0" borderId="10" xfId="1" applyFont="1" applyBorder="1" applyAlignment="1" applyProtection="1">
      <alignment horizontal="center"/>
      <protection locked="0"/>
    </xf>
    <xf numFmtId="38" fontId="5" fillId="0" borderId="11" xfId="1" quotePrefix="1" applyFont="1" applyBorder="1" applyAlignment="1" applyProtection="1"/>
    <xf numFmtId="38" fontId="5" fillId="0" borderId="11" xfId="1" applyFont="1" applyBorder="1" applyAlignment="1" applyProtection="1">
      <protection locked="0"/>
    </xf>
    <xf numFmtId="40" fontId="5" fillId="0" borderId="10" xfId="1" applyNumberFormat="1" applyFont="1" applyBorder="1" applyAlignment="1" applyProtection="1">
      <protection locked="0"/>
    </xf>
    <xf numFmtId="38" fontId="5" fillId="0" borderId="12" xfId="1" applyFont="1" applyBorder="1" applyAlignment="1" applyProtection="1">
      <alignment horizontal="center"/>
      <protection locked="0"/>
    </xf>
    <xf numFmtId="38" fontId="5" fillId="0" borderId="23" xfId="1" applyFont="1" applyBorder="1" applyAlignment="1" applyProtection="1">
      <alignment horizontal="left"/>
    </xf>
    <xf numFmtId="38" fontId="5" fillId="0" borderId="21" xfId="1" applyFont="1" applyFill="1" applyBorder="1" applyAlignment="1" applyProtection="1">
      <protection locked="0"/>
    </xf>
    <xf numFmtId="40" fontId="5" fillId="0" borderId="21" xfId="1" applyNumberFormat="1" applyFont="1" applyFill="1" applyBorder="1" applyAlignment="1" applyProtection="1">
      <protection locked="0"/>
    </xf>
    <xf numFmtId="38" fontId="5" fillId="0" borderId="22" xfId="1" applyFont="1" applyFill="1" applyBorder="1" applyAlignment="1" applyProtection="1">
      <protection locked="0"/>
    </xf>
    <xf numFmtId="40" fontId="5" fillId="0" borderId="24" xfId="1" applyNumberFormat="1" applyFont="1" applyBorder="1" applyAlignment="1" applyProtection="1">
      <protection locked="0"/>
    </xf>
    <xf numFmtId="38" fontId="5" fillId="0" borderId="22" xfId="1" applyFont="1" applyBorder="1" applyAlignment="1" applyProtection="1">
      <alignment horizontal="left"/>
    </xf>
    <xf numFmtId="38" fontId="5" fillId="0" borderId="17" xfId="1" applyFont="1" applyBorder="1" applyAlignment="1" applyProtection="1">
      <alignment horizontal="left"/>
    </xf>
    <xf numFmtId="40" fontId="5" fillId="0" borderId="16" xfId="1" applyNumberFormat="1" applyFont="1" applyBorder="1" applyAlignment="1" applyProtection="1">
      <protection locked="0"/>
    </xf>
    <xf numFmtId="38" fontId="5" fillId="0" borderId="17" xfId="1" applyFont="1" applyBorder="1" applyAlignment="1" applyProtection="1">
      <protection locked="0"/>
    </xf>
    <xf numFmtId="40" fontId="5" fillId="0" borderId="18" xfId="1" applyNumberFormat="1" applyFont="1" applyBorder="1" applyAlignment="1" applyProtection="1">
      <protection locked="0"/>
    </xf>
    <xf numFmtId="49" fontId="3" fillId="0" borderId="0" xfId="1" applyNumberFormat="1" applyFont="1" applyProtection="1">
      <protection locked="0"/>
    </xf>
    <xf numFmtId="49" fontId="3" fillId="0" borderId="0" xfId="1" applyNumberFormat="1" applyFont="1" applyAlignment="1" applyProtection="1">
      <alignment horizontal="left"/>
      <protection locked="0"/>
    </xf>
    <xf numFmtId="49" fontId="3" fillId="0" borderId="0" xfId="1" applyNumberFormat="1" applyFont="1" applyAlignment="1" applyProtection="1">
      <protection locked="0"/>
    </xf>
    <xf numFmtId="49" fontId="3" fillId="0" borderId="0" xfId="1" applyNumberFormat="1" applyFont="1" applyBorder="1" applyAlignment="1" applyProtection="1">
      <protection locked="0"/>
    </xf>
    <xf numFmtId="49" fontId="3" fillId="0" borderId="0" xfId="1" applyNumberFormat="1" applyFont="1" applyBorder="1" applyAlignment="1" applyProtection="1">
      <alignment horizontal="center"/>
      <protection locked="0"/>
    </xf>
    <xf numFmtId="49" fontId="3" fillId="0" borderId="0" xfId="1" applyNumberFormat="1" applyFont="1" applyBorder="1"/>
    <xf numFmtId="49" fontId="3" fillId="0" borderId="0" xfId="1" applyNumberFormat="1" applyFont="1"/>
    <xf numFmtId="38" fontId="3" fillId="0" borderId="0" xfId="1" applyFont="1" applyProtection="1">
      <protection locked="0"/>
    </xf>
    <xf numFmtId="38" fontId="3" fillId="0" borderId="0" xfId="1" applyFont="1" applyAlignment="1" applyProtection="1">
      <protection locked="0"/>
    </xf>
    <xf numFmtId="38" fontId="3" fillId="0" borderId="0" xfId="1" applyFont="1" applyAlignment="1" applyProtection="1"/>
    <xf numFmtId="38" fontId="3" fillId="0" borderId="0" xfId="1" applyFont="1" applyProtection="1"/>
    <xf numFmtId="38" fontId="1" fillId="0" borderId="0" xfId="1" applyFont="1" applyBorder="1" applyAlignment="1" applyProtection="1">
      <alignment horizontal="left"/>
    </xf>
    <xf numFmtId="38" fontId="5" fillId="0" borderId="32" xfId="1" applyFont="1" applyBorder="1" applyAlignment="1" applyProtection="1">
      <protection locked="0"/>
    </xf>
    <xf numFmtId="38" fontId="5" fillId="0" borderId="32" xfId="1" applyFont="1" applyBorder="1" applyAlignment="1" applyProtection="1">
      <alignment horizontal="center"/>
      <protection locked="0"/>
    </xf>
    <xf numFmtId="38" fontId="5" fillId="0" borderId="33" xfId="1" applyFont="1" applyBorder="1" applyAlignment="1" applyProtection="1">
      <alignment horizontal="center"/>
      <protection locked="0"/>
    </xf>
    <xf numFmtId="38" fontId="5" fillId="0" borderId="33" xfId="1" applyFont="1" applyBorder="1" applyAlignment="1" applyProtection="1">
      <protection locked="0"/>
    </xf>
    <xf numFmtId="40" fontId="5" fillId="0" borderId="32" xfId="1" applyNumberFormat="1" applyFont="1" applyBorder="1" applyAlignment="1" applyProtection="1">
      <alignment horizontal="center"/>
      <protection locked="0"/>
    </xf>
    <xf numFmtId="40" fontId="5" fillId="0" borderId="33" xfId="1" applyNumberFormat="1" applyFont="1" applyBorder="1" applyAlignment="1" applyProtection="1">
      <protection locked="0"/>
    </xf>
    <xf numFmtId="38" fontId="5" fillId="0" borderId="34" xfId="1" applyFont="1" applyBorder="1" applyAlignment="1" applyProtection="1">
      <alignment horizontal="center"/>
      <protection locked="0"/>
    </xf>
    <xf numFmtId="38" fontId="5" fillId="0" borderId="37" xfId="1" applyFont="1" applyBorder="1" applyAlignment="1" applyProtection="1">
      <protection locked="0"/>
    </xf>
    <xf numFmtId="38" fontId="5" fillId="0" borderId="38" xfId="1" applyFont="1" applyBorder="1" applyAlignment="1" applyProtection="1">
      <protection locked="0"/>
    </xf>
    <xf numFmtId="40" fontId="5" fillId="0" borderId="38" xfId="1" applyNumberFormat="1" applyFont="1" applyBorder="1" applyAlignment="1" applyProtection="1">
      <protection locked="0"/>
    </xf>
    <xf numFmtId="38" fontId="5" fillId="0" borderId="39" xfId="1" applyFont="1" applyBorder="1" applyAlignment="1" applyProtection="1">
      <protection locked="0"/>
    </xf>
    <xf numFmtId="40" fontId="5" fillId="0" borderId="40" xfId="1" applyNumberFormat="1" applyFont="1" applyBorder="1" applyAlignment="1" applyProtection="1">
      <alignment horizontal="center"/>
      <protection locked="0"/>
    </xf>
    <xf numFmtId="40" fontId="5" fillId="0" borderId="41" xfId="1" applyNumberFormat="1" applyFont="1" applyBorder="1" applyAlignment="1" applyProtection="1">
      <protection locked="0"/>
    </xf>
    <xf numFmtId="0" fontId="5" fillId="0" borderId="30" xfId="3" applyFont="1" applyBorder="1" applyAlignment="1">
      <alignment horizontal="distributed" vertical="top" justifyLastLine="1"/>
    </xf>
    <xf numFmtId="0" fontId="5" fillId="0" borderId="31" xfId="0" applyFont="1" applyBorder="1" applyAlignment="1">
      <alignment horizontal="distributed" vertical="top" justifyLastLine="1"/>
    </xf>
    <xf numFmtId="0" fontId="5" fillId="0" borderId="35" xfId="3" applyFont="1" applyBorder="1" applyAlignment="1">
      <alignment horizontal="distributed" vertical="top" justifyLastLine="1"/>
    </xf>
    <xf numFmtId="0" fontId="5" fillId="0" borderId="36" xfId="0" applyFont="1" applyBorder="1" applyAlignment="1">
      <alignment horizontal="distributed" vertical="top" justifyLastLine="1"/>
    </xf>
    <xf numFmtId="38" fontId="5" fillId="0" borderId="1" xfId="1" applyFont="1" applyBorder="1" applyAlignment="1" applyProtection="1">
      <alignment horizontal="distributed" vertical="center" justifyLastLine="1"/>
    </xf>
    <xf numFmtId="0" fontId="5" fillId="0" borderId="2" xfId="0" applyFont="1" applyBorder="1" applyAlignment="1">
      <alignment horizontal="distributed" vertical="center" justifyLastLine="1"/>
    </xf>
    <xf numFmtId="0" fontId="5" fillId="0" borderId="8" xfId="0" applyFont="1" applyBorder="1" applyAlignment="1">
      <alignment horizontal="distributed" vertical="center" justifyLastLine="1"/>
    </xf>
    <xf numFmtId="0" fontId="5" fillId="0" borderId="9" xfId="0" applyFont="1" applyBorder="1" applyAlignment="1">
      <alignment horizontal="distributed" vertical="center" justifyLastLine="1"/>
    </xf>
    <xf numFmtId="0" fontId="5" fillId="0" borderId="13" xfId="0" applyFont="1" applyBorder="1" applyAlignment="1">
      <alignment horizontal="distributed" vertical="center" justifyLastLine="1"/>
    </xf>
    <xf numFmtId="0" fontId="5" fillId="0" borderId="14" xfId="0" applyFont="1" applyBorder="1" applyAlignment="1">
      <alignment horizontal="distributed" vertical="center" justifyLastLine="1"/>
    </xf>
    <xf numFmtId="38" fontId="5" fillId="0" borderId="3" xfId="1" applyFont="1" applyBorder="1" applyAlignment="1" applyProtection="1">
      <alignment horizontal="distributed" justifyLastLine="1"/>
    </xf>
    <xf numFmtId="0" fontId="5" fillId="0" borderId="4" xfId="0" applyFont="1" applyBorder="1" applyAlignment="1">
      <alignment horizontal="distributed" justifyLastLine="1"/>
    </xf>
    <xf numFmtId="38" fontId="5" fillId="0" borderId="3" xfId="1" applyFont="1" applyBorder="1" applyAlignment="1" applyProtection="1">
      <alignment horizontal="center"/>
    </xf>
    <xf numFmtId="38" fontId="5" fillId="0" borderId="5" xfId="1" applyFont="1" applyBorder="1" applyAlignment="1" applyProtection="1">
      <alignment horizontal="center"/>
    </xf>
    <xf numFmtId="38" fontId="5" fillId="0" borderId="4" xfId="1" applyFont="1" applyBorder="1" applyAlignment="1" applyProtection="1">
      <alignment horizontal="center"/>
    </xf>
    <xf numFmtId="38" fontId="5" fillId="0" borderId="4" xfId="1" applyFont="1" applyBorder="1" applyAlignment="1" applyProtection="1">
      <alignment horizontal="distributed" justifyLastLine="1"/>
    </xf>
    <xf numFmtId="38" fontId="5" fillId="0" borderId="7" xfId="1" applyFont="1" applyBorder="1" applyAlignment="1" applyProtection="1">
      <alignment horizontal="distributed" justifyLastLine="1"/>
    </xf>
  </cellXfs>
  <cellStyles count="4">
    <cellStyle name="桁区切り" xfId="1" builtinId="6"/>
    <cellStyle name="標準" xfId="0" builtinId="0"/>
    <cellStyle name="標準_事04統13" xfId="2"/>
    <cellStyle name="標準_第１表_1" xf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syncVertical="1" syncRef="A1" transitionEvaluation="1" transitionEntry="1"/>
  <dimension ref="A1:AB324"/>
  <sheetViews>
    <sheetView showGridLines="0" tabSelected="1" view="pageBreakPreview" zoomScaleNormal="100" zoomScaleSheetLayoutView="100" workbookViewId="0">
      <selection activeCell="T14" sqref="T14"/>
    </sheetView>
  </sheetViews>
  <sheetFormatPr defaultColWidth="9.625" defaultRowHeight="10.5" x14ac:dyDescent="0.15"/>
  <cols>
    <col min="1" max="1" width="3.625" style="2" customWidth="1"/>
    <col min="2" max="2" width="10" style="2" customWidth="1"/>
    <col min="3" max="3" width="13.875" style="2" customWidth="1"/>
    <col min="4" max="4" width="8.125" style="2" customWidth="1"/>
    <col min="5" max="6" width="11.25" style="2" customWidth="1"/>
    <col min="7" max="7" width="6.625" style="2" customWidth="1"/>
    <col min="8" max="8" width="11.25" style="2" customWidth="1"/>
    <col min="9" max="9" width="11.875" style="2" customWidth="1"/>
    <col min="10" max="11" width="6.625" style="2" customWidth="1"/>
    <col min="12" max="13" width="7.5" style="2" customWidth="1"/>
    <col min="14" max="14" width="11.875" style="2" customWidth="1"/>
    <col min="15" max="15" width="7.625" style="2" customWidth="1"/>
    <col min="16" max="16" width="3.875" style="2" customWidth="1"/>
    <col min="17" max="17" width="1.5" style="2" customWidth="1"/>
    <col min="18" max="18" width="9.625" style="2"/>
    <col min="19" max="19" width="16.375" style="2" customWidth="1"/>
    <col min="20" max="16384" width="9.625" style="2"/>
  </cols>
  <sheetData>
    <row r="1" spans="1:17" ht="14.1" customHeight="1" x14ac:dyDescent="0.15">
      <c r="A1" s="80" t="s">
        <v>0</v>
      </c>
      <c r="B1" s="1"/>
      <c r="D1" s="3"/>
      <c r="E1" s="3"/>
      <c r="F1" s="4"/>
      <c r="G1" s="3"/>
      <c r="H1" s="4"/>
      <c r="I1" s="4"/>
      <c r="J1" s="1"/>
      <c r="K1" s="1"/>
      <c r="L1" s="1"/>
      <c r="M1" s="1"/>
      <c r="N1" s="5"/>
      <c r="O1" s="1"/>
      <c r="P1" s="1"/>
      <c r="Q1" s="1"/>
    </row>
    <row r="2" spans="1:17" ht="11.1" customHeight="1" thickBot="1" x14ac:dyDescent="0.2">
      <c r="A2" s="1"/>
      <c r="B2" s="1"/>
      <c r="C2" s="4"/>
      <c r="D2" s="1"/>
      <c r="E2" s="4"/>
      <c r="F2" s="1"/>
      <c r="G2" s="1"/>
      <c r="H2" s="1"/>
      <c r="I2" s="1"/>
      <c r="J2" s="1"/>
      <c r="L2" s="1"/>
      <c r="M2" s="6"/>
      <c r="O2" s="7" t="s">
        <v>1</v>
      </c>
      <c r="P2" s="1"/>
      <c r="Q2" s="1"/>
    </row>
    <row r="3" spans="1:17" s="11" customFormat="1" ht="12" customHeight="1" x14ac:dyDescent="0.15">
      <c r="A3" s="98" t="s">
        <v>2</v>
      </c>
      <c r="B3" s="99"/>
      <c r="C3" s="104" t="s">
        <v>3</v>
      </c>
      <c r="D3" s="105"/>
      <c r="E3" s="106" t="s">
        <v>4</v>
      </c>
      <c r="F3" s="107"/>
      <c r="G3" s="107"/>
      <c r="H3" s="108"/>
      <c r="I3" s="104" t="s">
        <v>5</v>
      </c>
      <c r="J3" s="105"/>
      <c r="K3" s="104" t="s">
        <v>6</v>
      </c>
      <c r="L3" s="109"/>
      <c r="M3" s="8" t="s">
        <v>7</v>
      </c>
      <c r="N3" s="104" t="s">
        <v>8</v>
      </c>
      <c r="O3" s="110"/>
      <c r="P3" s="9" t="s">
        <v>9</v>
      </c>
      <c r="Q3" s="10"/>
    </row>
    <row r="4" spans="1:17" ht="11.1" customHeight="1" x14ac:dyDescent="0.15">
      <c r="A4" s="100"/>
      <c r="B4" s="101"/>
      <c r="C4" s="12" t="s">
        <v>10</v>
      </c>
      <c r="D4" s="13" t="s">
        <v>11</v>
      </c>
      <c r="E4" s="14" t="s">
        <v>10</v>
      </c>
      <c r="F4" s="14" t="s">
        <v>12</v>
      </c>
      <c r="G4" s="14" t="s">
        <v>13</v>
      </c>
      <c r="H4" s="15" t="s">
        <v>14</v>
      </c>
      <c r="I4" s="14" t="s">
        <v>10</v>
      </c>
      <c r="J4" s="15" t="s">
        <v>15</v>
      </c>
      <c r="K4" s="14" t="s">
        <v>16</v>
      </c>
      <c r="L4" s="14" t="s">
        <v>17</v>
      </c>
      <c r="M4" s="14" t="s">
        <v>18</v>
      </c>
      <c r="N4" s="14" t="s">
        <v>19</v>
      </c>
      <c r="O4" s="16" t="s">
        <v>20</v>
      </c>
      <c r="P4" s="9" t="s">
        <v>9</v>
      </c>
      <c r="Q4" s="1"/>
    </row>
    <row r="5" spans="1:17" ht="11.1" customHeight="1" thickBot="1" x14ac:dyDescent="0.2">
      <c r="A5" s="102"/>
      <c r="B5" s="103"/>
      <c r="C5" s="17" t="s">
        <v>21</v>
      </c>
      <c r="D5" s="18" t="s">
        <v>22</v>
      </c>
      <c r="E5" s="19" t="s">
        <v>23</v>
      </c>
      <c r="F5" s="19" t="s">
        <v>24</v>
      </c>
      <c r="G5" s="19" t="s">
        <v>25</v>
      </c>
      <c r="H5" s="20" t="s">
        <v>26</v>
      </c>
      <c r="I5" s="19" t="s">
        <v>27</v>
      </c>
      <c r="J5" s="20" t="s">
        <v>28</v>
      </c>
      <c r="K5" s="19" t="s">
        <v>29</v>
      </c>
      <c r="L5" s="19" t="s">
        <v>30</v>
      </c>
      <c r="M5" s="19" t="s">
        <v>31</v>
      </c>
      <c r="N5" s="21" t="s">
        <v>32</v>
      </c>
      <c r="O5" s="22" t="s">
        <v>33</v>
      </c>
      <c r="P5" s="1"/>
      <c r="Q5" s="1"/>
    </row>
    <row r="6" spans="1:17" ht="12.6" customHeight="1" thickTop="1" x14ac:dyDescent="0.15">
      <c r="A6" s="23">
        <v>1</v>
      </c>
      <c r="B6" s="24" t="s">
        <v>34</v>
      </c>
      <c r="C6" s="25">
        <v>4913135280</v>
      </c>
      <c r="D6" s="26">
        <v>6038</v>
      </c>
      <c r="E6" s="27" t="s">
        <v>35</v>
      </c>
      <c r="F6" s="27" t="s">
        <v>36</v>
      </c>
      <c r="G6" s="27" t="s">
        <v>35</v>
      </c>
      <c r="H6" s="28" t="s">
        <v>35</v>
      </c>
      <c r="I6" s="29">
        <v>0</v>
      </c>
      <c r="J6" s="30">
        <v>0</v>
      </c>
      <c r="K6" s="31" t="s">
        <v>35</v>
      </c>
      <c r="L6" s="32">
        <v>0</v>
      </c>
      <c r="M6" s="31" t="s">
        <v>35</v>
      </c>
      <c r="N6" s="33" t="s">
        <v>37</v>
      </c>
      <c r="O6" s="34" t="s">
        <v>36</v>
      </c>
      <c r="P6" s="4" t="s">
        <v>9</v>
      </c>
      <c r="Q6" s="35"/>
    </row>
    <row r="7" spans="1:17" ht="12.6" customHeight="1" x14ac:dyDescent="0.15">
      <c r="A7" s="23">
        <v>2</v>
      </c>
      <c r="B7" s="36" t="s">
        <v>38</v>
      </c>
      <c r="C7" s="25">
        <v>2397288363</v>
      </c>
      <c r="D7" s="26">
        <v>7824</v>
      </c>
      <c r="E7" s="27" t="s">
        <v>35</v>
      </c>
      <c r="F7" s="27" t="s">
        <v>36</v>
      </c>
      <c r="G7" s="27" t="s">
        <v>35</v>
      </c>
      <c r="H7" s="28" t="s">
        <v>35</v>
      </c>
      <c r="I7" s="29">
        <v>0</v>
      </c>
      <c r="J7" s="30">
        <v>0</v>
      </c>
      <c r="K7" s="31" t="s">
        <v>35</v>
      </c>
      <c r="L7" s="32">
        <v>0</v>
      </c>
      <c r="M7" s="31" t="s">
        <v>35</v>
      </c>
      <c r="N7" s="27" t="s">
        <v>39</v>
      </c>
      <c r="O7" s="34" t="s">
        <v>40</v>
      </c>
      <c r="P7" s="4" t="s">
        <v>9</v>
      </c>
      <c r="Q7" s="35"/>
    </row>
    <row r="8" spans="1:17" ht="12.6" customHeight="1" x14ac:dyDescent="0.15">
      <c r="A8" s="23">
        <v>3</v>
      </c>
      <c r="B8" s="36" t="s">
        <v>41</v>
      </c>
      <c r="C8" s="25">
        <v>939139226</v>
      </c>
      <c r="D8" s="26">
        <v>8607</v>
      </c>
      <c r="E8" s="27" t="s">
        <v>35</v>
      </c>
      <c r="F8" s="27" t="s">
        <v>42</v>
      </c>
      <c r="G8" s="27" t="s">
        <v>35</v>
      </c>
      <c r="H8" s="28" t="s">
        <v>35</v>
      </c>
      <c r="I8" s="29">
        <v>0</v>
      </c>
      <c r="J8" s="30">
        <v>0</v>
      </c>
      <c r="K8" s="31" t="s">
        <v>35</v>
      </c>
      <c r="L8" s="32">
        <v>0</v>
      </c>
      <c r="M8" s="31" t="s">
        <v>35</v>
      </c>
      <c r="N8" s="27" t="s">
        <v>43</v>
      </c>
      <c r="O8" s="34" t="s">
        <v>42</v>
      </c>
      <c r="P8" s="4" t="s">
        <v>9</v>
      </c>
      <c r="Q8" s="1"/>
    </row>
    <row r="9" spans="1:17" ht="12.6" customHeight="1" x14ac:dyDescent="0.15">
      <c r="A9" s="23">
        <v>4</v>
      </c>
      <c r="B9" s="36" t="s">
        <v>44</v>
      </c>
      <c r="C9" s="25">
        <v>307600487</v>
      </c>
      <c r="D9" s="26">
        <v>4521</v>
      </c>
      <c r="E9" s="27" t="s">
        <v>35</v>
      </c>
      <c r="F9" s="27" t="s">
        <v>45</v>
      </c>
      <c r="G9" s="27" t="s">
        <v>35</v>
      </c>
      <c r="H9" s="28" t="s">
        <v>35</v>
      </c>
      <c r="I9" s="29">
        <v>0</v>
      </c>
      <c r="J9" s="30">
        <v>0</v>
      </c>
      <c r="K9" s="31" t="s">
        <v>35</v>
      </c>
      <c r="L9" s="32">
        <v>0</v>
      </c>
      <c r="M9" s="31" t="s">
        <v>35</v>
      </c>
      <c r="N9" s="27" t="s">
        <v>42</v>
      </c>
      <c r="O9" s="34" t="s">
        <v>39</v>
      </c>
      <c r="P9" s="4" t="s">
        <v>9</v>
      </c>
      <c r="Q9" s="1"/>
    </row>
    <row r="10" spans="1:17" ht="12.6" customHeight="1" x14ac:dyDescent="0.15">
      <c r="A10" s="23">
        <v>5</v>
      </c>
      <c r="B10" s="36" t="s">
        <v>46</v>
      </c>
      <c r="C10" s="25">
        <v>221834201</v>
      </c>
      <c r="D10" s="26">
        <v>5078</v>
      </c>
      <c r="E10" s="27" t="s">
        <v>35</v>
      </c>
      <c r="F10" s="27" t="s">
        <v>47</v>
      </c>
      <c r="G10" s="27" t="s">
        <v>35</v>
      </c>
      <c r="H10" s="28" t="s">
        <v>35</v>
      </c>
      <c r="I10" s="29">
        <v>0</v>
      </c>
      <c r="J10" s="30">
        <v>0</v>
      </c>
      <c r="K10" s="31" t="s">
        <v>35</v>
      </c>
      <c r="L10" s="32">
        <v>0</v>
      </c>
      <c r="M10" s="31" t="s">
        <v>35</v>
      </c>
      <c r="N10" s="27" t="s">
        <v>39</v>
      </c>
      <c r="O10" s="34" t="s">
        <v>39</v>
      </c>
      <c r="P10" s="4" t="s">
        <v>9</v>
      </c>
      <c r="Q10" s="1"/>
    </row>
    <row r="11" spans="1:17" ht="12.6" customHeight="1" x14ac:dyDescent="0.15">
      <c r="A11" s="23">
        <v>6</v>
      </c>
      <c r="B11" s="36" t="s">
        <v>48</v>
      </c>
      <c r="C11" s="25">
        <v>526331014</v>
      </c>
      <c r="D11" s="26">
        <v>5360</v>
      </c>
      <c r="E11" s="27" t="s">
        <v>35</v>
      </c>
      <c r="F11" s="27" t="s">
        <v>49</v>
      </c>
      <c r="G11" s="27" t="s">
        <v>35</v>
      </c>
      <c r="H11" s="28" t="s">
        <v>35</v>
      </c>
      <c r="I11" s="29">
        <v>0</v>
      </c>
      <c r="J11" s="30">
        <v>0</v>
      </c>
      <c r="K11" s="31" t="s">
        <v>35</v>
      </c>
      <c r="L11" s="32">
        <v>0</v>
      </c>
      <c r="M11" s="31" t="s">
        <v>35</v>
      </c>
      <c r="N11" s="27" t="s">
        <v>36</v>
      </c>
      <c r="O11" s="34" t="s">
        <v>45</v>
      </c>
      <c r="P11" s="4" t="s">
        <v>9</v>
      </c>
      <c r="Q11" s="1"/>
    </row>
    <row r="12" spans="1:17" ht="12.6" customHeight="1" x14ac:dyDescent="0.15">
      <c r="A12" s="23">
        <v>7</v>
      </c>
      <c r="B12" s="36" t="s">
        <v>50</v>
      </c>
      <c r="C12" s="25">
        <v>269354052</v>
      </c>
      <c r="D12" s="26">
        <v>5495</v>
      </c>
      <c r="E12" s="27" t="s">
        <v>35</v>
      </c>
      <c r="F12" s="27" t="s">
        <v>39</v>
      </c>
      <c r="G12" s="27" t="s">
        <v>35</v>
      </c>
      <c r="H12" s="28" t="s">
        <v>35</v>
      </c>
      <c r="I12" s="29">
        <v>0</v>
      </c>
      <c r="J12" s="30">
        <v>0</v>
      </c>
      <c r="K12" s="31" t="s">
        <v>35</v>
      </c>
      <c r="L12" s="32">
        <v>0</v>
      </c>
      <c r="M12" s="31" t="s">
        <v>35</v>
      </c>
      <c r="N12" s="27" t="s">
        <v>51</v>
      </c>
      <c r="O12" s="34" t="s">
        <v>49</v>
      </c>
      <c r="P12" s="4" t="s">
        <v>9</v>
      </c>
      <c r="Q12" s="1"/>
    </row>
    <row r="13" spans="1:17" ht="12.6" customHeight="1" x14ac:dyDescent="0.15">
      <c r="A13" s="23">
        <v>8</v>
      </c>
      <c r="B13" s="36" t="s">
        <v>52</v>
      </c>
      <c r="C13" s="25">
        <v>311678513</v>
      </c>
      <c r="D13" s="26">
        <v>5354</v>
      </c>
      <c r="E13" s="27" t="s">
        <v>35</v>
      </c>
      <c r="F13" s="27" t="s">
        <v>39</v>
      </c>
      <c r="G13" s="27" t="s">
        <v>35</v>
      </c>
      <c r="H13" s="28" t="s">
        <v>35</v>
      </c>
      <c r="I13" s="29">
        <v>0</v>
      </c>
      <c r="J13" s="30">
        <v>0</v>
      </c>
      <c r="K13" s="31" t="s">
        <v>35</v>
      </c>
      <c r="L13" s="32">
        <v>0</v>
      </c>
      <c r="M13" s="31" t="s">
        <v>35</v>
      </c>
      <c r="N13" s="27" t="s">
        <v>47</v>
      </c>
      <c r="O13" s="34" t="s">
        <v>42</v>
      </c>
      <c r="P13" s="4" t="s">
        <v>9</v>
      </c>
      <c r="Q13" s="1"/>
    </row>
    <row r="14" spans="1:17" ht="12.6" customHeight="1" x14ac:dyDescent="0.15">
      <c r="A14" s="23">
        <v>9</v>
      </c>
      <c r="B14" s="36" t="s">
        <v>53</v>
      </c>
      <c r="C14" s="25">
        <v>93130461</v>
      </c>
      <c r="D14" s="26">
        <v>6053</v>
      </c>
      <c r="E14" s="27" t="s">
        <v>35</v>
      </c>
      <c r="F14" s="27" t="s">
        <v>47</v>
      </c>
      <c r="G14" s="27" t="s">
        <v>35</v>
      </c>
      <c r="H14" s="28" t="s">
        <v>35</v>
      </c>
      <c r="I14" s="29">
        <v>0</v>
      </c>
      <c r="J14" s="30">
        <v>0</v>
      </c>
      <c r="K14" s="31" t="s">
        <v>35</v>
      </c>
      <c r="L14" s="32">
        <v>0</v>
      </c>
      <c r="M14" s="31" t="s">
        <v>35</v>
      </c>
      <c r="N14" s="27" t="s">
        <v>39</v>
      </c>
      <c r="O14" s="34" t="s">
        <v>39</v>
      </c>
      <c r="P14" s="4" t="s">
        <v>9</v>
      </c>
      <c r="Q14" s="1"/>
    </row>
    <row r="15" spans="1:17" ht="12.6" customHeight="1" x14ac:dyDescent="0.15">
      <c r="A15" s="23">
        <v>10</v>
      </c>
      <c r="B15" s="36" t="s">
        <v>54</v>
      </c>
      <c r="C15" s="25">
        <v>812771522</v>
      </c>
      <c r="D15" s="26">
        <v>4330</v>
      </c>
      <c r="E15" s="27" t="s">
        <v>35</v>
      </c>
      <c r="F15" s="27" t="s">
        <v>42</v>
      </c>
      <c r="G15" s="27" t="s">
        <v>35</v>
      </c>
      <c r="H15" s="28" t="s">
        <v>35</v>
      </c>
      <c r="I15" s="29">
        <v>0</v>
      </c>
      <c r="J15" s="30">
        <v>0</v>
      </c>
      <c r="K15" s="31" t="s">
        <v>35</v>
      </c>
      <c r="L15" s="32">
        <v>0</v>
      </c>
      <c r="M15" s="31" t="s">
        <v>35</v>
      </c>
      <c r="N15" s="27" t="s">
        <v>39</v>
      </c>
      <c r="O15" s="34" t="s">
        <v>49</v>
      </c>
      <c r="P15" s="4" t="s">
        <v>9</v>
      </c>
      <c r="Q15" s="1"/>
    </row>
    <row r="16" spans="1:17" ht="12.6" customHeight="1" x14ac:dyDescent="0.15">
      <c r="A16" s="23">
        <v>11</v>
      </c>
      <c r="B16" s="36" t="s">
        <v>55</v>
      </c>
      <c r="C16" s="25">
        <v>78037911</v>
      </c>
      <c r="D16" s="26">
        <v>4969</v>
      </c>
      <c r="E16" s="27" t="s">
        <v>35</v>
      </c>
      <c r="F16" s="27" t="s">
        <v>39</v>
      </c>
      <c r="G16" s="27" t="s">
        <v>35</v>
      </c>
      <c r="H16" s="28" t="s">
        <v>35</v>
      </c>
      <c r="I16" s="29">
        <v>0</v>
      </c>
      <c r="J16" s="30">
        <v>0</v>
      </c>
      <c r="K16" s="31" t="s">
        <v>35</v>
      </c>
      <c r="L16" s="32">
        <v>0</v>
      </c>
      <c r="M16" s="31" t="s">
        <v>35</v>
      </c>
      <c r="N16" s="27" t="s">
        <v>47</v>
      </c>
      <c r="O16" s="34" t="s">
        <v>49</v>
      </c>
      <c r="P16" s="4" t="s">
        <v>9</v>
      </c>
      <c r="Q16" s="1"/>
    </row>
    <row r="17" spans="1:17" ht="12.6" customHeight="1" x14ac:dyDescent="0.15">
      <c r="A17" s="23">
        <v>12</v>
      </c>
      <c r="B17" s="36" t="s">
        <v>56</v>
      </c>
      <c r="C17" s="25">
        <v>255585021</v>
      </c>
      <c r="D17" s="26">
        <v>5737</v>
      </c>
      <c r="E17" s="27" t="s">
        <v>35</v>
      </c>
      <c r="F17" s="27" t="s">
        <v>42</v>
      </c>
      <c r="G17" s="27" t="s">
        <v>35</v>
      </c>
      <c r="H17" s="28" t="s">
        <v>35</v>
      </c>
      <c r="I17" s="29">
        <v>0</v>
      </c>
      <c r="J17" s="30">
        <v>0</v>
      </c>
      <c r="K17" s="31" t="s">
        <v>35</v>
      </c>
      <c r="L17" s="32">
        <v>0</v>
      </c>
      <c r="M17" s="31" t="s">
        <v>35</v>
      </c>
      <c r="N17" s="27" t="s">
        <v>57</v>
      </c>
      <c r="O17" s="34" t="s">
        <v>39</v>
      </c>
      <c r="P17" s="4" t="s">
        <v>9</v>
      </c>
      <c r="Q17" s="1"/>
    </row>
    <row r="18" spans="1:17" ht="12.6" customHeight="1" x14ac:dyDescent="0.15">
      <c r="A18" s="23">
        <v>13</v>
      </c>
      <c r="B18" s="36" t="s">
        <v>58</v>
      </c>
      <c r="C18" s="25">
        <v>295001763</v>
      </c>
      <c r="D18" s="26">
        <v>4917</v>
      </c>
      <c r="E18" s="27" t="s">
        <v>35</v>
      </c>
      <c r="F18" s="27" t="s">
        <v>36</v>
      </c>
      <c r="G18" s="27" t="s">
        <v>35</v>
      </c>
      <c r="H18" s="28" t="s">
        <v>35</v>
      </c>
      <c r="I18" s="29">
        <v>0</v>
      </c>
      <c r="J18" s="30">
        <v>0</v>
      </c>
      <c r="K18" s="31" t="s">
        <v>35</v>
      </c>
      <c r="L18" s="32">
        <v>0</v>
      </c>
      <c r="M18" s="31" t="s">
        <v>35</v>
      </c>
      <c r="N18" s="27" t="s">
        <v>36</v>
      </c>
      <c r="O18" s="34" t="s">
        <v>36</v>
      </c>
      <c r="P18" s="4" t="s">
        <v>9</v>
      </c>
      <c r="Q18" s="1"/>
    </row>
    <row r="19" spans="1:17" ht="12.6" customHeight="1" x14ac:dyDescent="0.15">
      <c r="A19" s="23">
        <v>14</v>
      </c>
      <c r="B19" s="36" t="s">
        <v>59</v>
      </c>
      <c r="C19" s="25">
        <v>221645817</v>
      </c>
      <c r="D19" s="26">
        <v>3719</v>
      </c>
      <c r="E19" s="27" t="s">
        <v>35</v>
      </c>
      <c r="F19" s="27" t="s">
        <v>36</v>
      </c>
      <c r="G19" s="27" t="s">
        <v>35</v>
      </c>
      <c r="H19" s="28" t="s">
        <v>35</v>
      </c>
      <c r="I19" s="29">
        <v>0</v>
      </c>
      <c r="J19" s="30">
        <v>0</v>
      </c>
      <c r="K19" s="31" t="s">
        <v>35</v>
      </c>
      <c r="L19" s="32">
        <v>0</v>
      </c>
      <c r="M19" s="31" t="s">
        <v>35</v>
      </c>
      <c r="N19" s="27" t="s">
        <v>36</v>
      </c>
      <c r="O19" s="34" t="s">
        <v>47</v>
      </c>
      <c r="P19" s="4" t="s">
        <v>9</v>
      </c>
      <c r="Q19" s="1"/>
    </row>
    <row r="20" spans="1:17" ht="12.6" customHeight="1" x14ac:dyDescent="0.15">
      <c r="A20" s="23">
        <v>15</v>
      </c>
      <c r="B20" s="36" t="s">
        <v>60</v>
      </c>
      <c r="C20" s="25">
        <v>145270604</v>
      </c>
      <c r="D20" s="26">
        <v>5889</v>
      </c>
      <c r="E20" s="27" t="s">
        <v>35</v>
      </c>
      <c r="F20" s="27" t="s">
        <v>61</v>
      </c>
      <c r="G20" s="27" t="s">
        <v>35</v>
      </c>
      <c r="H20" s="28" t="s">
        <v>35</v>
      </c>
      <c r="I20" s="29">
        <v>0</v>
      </c>
      <c r="J20" s="30">
        <v>0</v>
      </c>
      <c r="K20" s="31" t="s">
        <v>35</v>
      </c>
      <c r="L20" s="32">
        <v>0</v>
      </c>
      <c r="M20" s="31" t="s">
        <v>35</v>
      </c>
      <c r="N20" s="27" t="s">
        <v>47</v>
      </c>
      <c r="O20" s="34" t="s">
        <v>36</v>
      </c>
      <c r="P20" s="4" t="s">
        <v>9</v>
      </c>
      <c r="Q20" s="1"/>
    </row>
    <row r="21" spans="1:17" ht="12.6" customHeight="1" x14ac:dyDescent="0.15">
      <c r="A21" s="23">
        <v>16</v>
      </c>
      <c r="B21" s="36" t="s">
        <v>62</v>
      </c>
      <c r="C21" s="25">
        <v>164683953</v>
      </c>
      <c r="D21" s="26">
        <v>5109</v>
      </c>
      <c r="E21" s="27" t="s">
        <v>35</v>
      </c>
      <c r="F21" s="27" t="s">
        <v>36</v>
      </c>
      <c r="G21" s="27" t="s">
        <v>35</v>
      </c>
      <c r="H21" s="28" t="s">
        <v>35</v>
      </c>
      <c r="I21" s="29">
        <v>0</v>
      </c>
      <c r="J21" s="30">
        <v>0</v>
      </c>
      <c r="K21" s="31" t="s">
        <v>35</v>
      </c>
      <c r="L21" s="32">
        <v>0</v>
      </c>
      <c r="M21" s="31" t="s">
        <v>35</v>
      </c>
      <c r="N21" s="27" t="s">
        <v>61</v>
      </c>
      <c r="O21" s="34" t="s">
        <v>36</v>
      </c>
      <c r="P21" s="4" t="s">
        <v>9</v>
      </c>
      <c r="Q21" s="1"/>
    </row>
    <row r="22" spans="1:17" ht="12.6" customHeight="1" x14ac:dyDescent="0.15">
      <c r="A22" s="23">
        <v>17</v>
      </c>
      <c r="B22" s="36" t="s">
        <v>63</v>
      </c>
      <c r="C22" s="25">
        <v>289296639</v>
      </c>
      <c r="D22" s="26">
        <v>8519</v>
      </c>
      <c r="E22" s="27" t="s">
        <v>35</v>
      </c>
      <c r="F22" s="27" t="s">
        <v>49</v>
      </c>
      <c r="G22" s="27" t="s">
        <v>35</v>
      </c>
      <c r="H22" s="28" t="s">
        <v>35</v>
      </c>
      <c r="I22" s="29">
        <v>0</v>
      </c>
      <c r="J22" s="30">
        <v>0</v>
      </c>
      <c r="K22" s="31" t="s">
        <v>35</v>
      </c>
      <c r="L22" s="32">
        <v>0</v>
      </c>
      <c r="M22" s="31" t="s">
        <v>35</v>
      </c>
      <c r="N22" s="27" t="s">
        <v>36</v>
      </c>
      <c r="O22" s="34" t="s">
        <v>47</v>
      </c>
      <c r="P22" s="4" t="s">
        <v>9</v>
      </c>
      <c r="Q22" s="1"/>
    </row>
    <row r="23" spans="1:17" ht="12.6" customHeight="1" x14ac:dyDescent="0.15">
      <c r="A23" s="23">
        <v>18</v>
      </c>
      <c r="B23" s="36" t="s">
        <v>64</v>
      </c>
      <c r="C23" s="25">
        <v>57000317</v>
      </c>
      <c r="D23" s="26">
        <v>5496</v>
      </c>
      <c r="E23" s="27" t="s">
        <v>35</v>
      </c>
      <c r="F23" s="27" t="s">
        <v>61</v>
      </c>
      <c r="G23" s="27" t="s">
        <v>35</v>
      </c>
      <c r="H23" s="28" t="s">
        <v>35</v>
      </c>
      <c r="I23" s="29">
        <v>0</v>
      </c>
      <c r="J23" s="30">
        <v>0</v>
      </c>
      <c r="K23" s="31" t="s">
        <v>35</v>
      </c>
      <c r="L23" s="32">
        <v>0</v>
      </c>
      <c r="M23" s="31" t="s">
        <v>35</v>
      </c>
      <c r="N23" s="27" t="s">
        <v>36</v>
      </c>
      <c r="O23" s="34" t="s">
        <v>61</v>
      </c>
      <c r="P23" s="4" t="s">
        <v>9</v>
      </c>
      <c r="Q23" s="1"/>
    </row>
    <row r="24" spans="1:17" ht="12.6" customHeight="1" thickBot="1" x14ac:dyDescent="0.2">
      <c r="A24" s="37">
        <v>21</v>
      </c>
      <c r="B24" s="38" t="s">
        <v>65</v>
      </c>
      <c r="C24" s="39">
        <v>109431758</v>
      </c>
      <c r="D24" s="40">
        <v>4537</v>
      </c>
      <c r="E24" s="41" t="s">
        <v>35</v>
      </c>
      <c r="F24" s="42" t="s">
        <v>66</v>
      </c>
      <c r="G24" s="41" t="s">
        <v>35</v>
      </c>
      <c r="H24" s="43" t="s">
        <v>35</v>
      </c>
      <c r="I24" s="44">
        <v>0</v>
      </c>
      <c r="J24" s="45">
        <v>0</v>
      </c>
      <c r="K24" s="46" t="s">
        <v>35</v>
      </c>
      <c r="L24" s="47">
        <v>0</v>
      </c>
      <c r="M24" s="46" t="s">
        <v>35</v>
      </c>
      <c r="N24" s="42" t="s">
        <v>67</v>
      </c>
      <c r="O24" s="48" t="s">
        <v>68</v>
      </c>
      <c r="P24" s="4" t="s">
        <v>9</v>
      </c>
      <c r="Q24" s="1"/>
    </row>
    <row r="25" spans="1:17" ht="12.6" customHeight="1" thickTop="1" x14ac:dyDescent="0.15">
      <c r="A25" s="23">
        <v>19</v>
      </c>
      <c r="B25" s="36" t="s">
        <v>69</v>
      </c>
      <c r="C25" s="25">
        <v>54979648</v>
      </c>
      <c r="D25" s="26">
        <v>5928</v>
      </c>
      <c r="E25" s="27" t="s">
        <v>35</v>
      </c>
      <c r="F25" s="27" t="s">
        <v>70</v>
      </c>
      <c r="G25" s="27" t="s">
        <v>35</v>
      </c>
      <c r="H25" s="28" t="s">
        <v>35</v>
      </c>
      <c r="I25" s="29">
        <v>0</v>
      </c>
      <c r="J25" s="30">
        <v>0</v>
      </c>
      <c r="K25" s="31" t="s">
        <v>35</v>
      </c>
      <c r="L25" s="32">
        <v>0</v>
      </c>
      <c r="M25" s="31" t="s">
        <v>35</v>
      </c>
      <c r="N25" s="27" t="s">
        <v>70</v>
      </c>
      <c r="O25" s="34" t="s">
        <v>70</v>
      </c>
      <c r="P25" s="4" t="s">
        <v>9</v>
      </c>
      <c r="Q25" s="1"/>
    </row>
    <row r="26" spans="1:17" ht="12.6" customHeight="1" x14ac:dyDescent="0.15">
      <c r="A26" s="23">
        <v>20</v>
      </c>
      <c r="B26" s="36" t="s">
        <v>71</v>
      </c>
      <c r="C26" s="25">
        <v>79827025</v>
      </c>
      <c r="D26" s="26">
        <v>6354</v>
      </c>
      <c r="E26" s="27" t="s">
        <v>35</v>
      </c>
      <c r="F26" s="27" t="s">
        <v>70</v>
      </c>
      <c r="G26" s="27" t="s">
        <v>35</v>
      </c>
      <c r="H26" s="28" t="s">
        <v>35</v>
      </c>
      <c r="I26" s="29">
        <v>0</v>
      </c>
      <c r="J26" s="30">
        <v>0</v>
      </c>
      <c r="K26" s="31" t="s">
        <v>35</v>
      </c>
      <c r="L26" s="32">
        <v>0</v>
      </c>
      <c r="M26" s="31" t="s">
        <v>35</v>
      </c>
      <c r="N26" s="27" t="s">
        <v>72</v>
      </c>
      <c r="O26" s="34" t="s">
        <v>73</v>
      </c>
      <c r="P26" s="4" t="s">
        <v>9</v>
      </c>
      <c r="Q26" s="1"/>
    </row>
    <row r="27" spans="1:17" ht="12.6" customHeight="1" x14ac:dyDescent="0.15">
      <c r="A27" s="23">
        <v>22</v>
      </c>
      <c r="B27" s="36" t="s">
        <v>74</v>
      </c>
      <c r="C27" s="25">
        <v>36815539</v>
      </c>
      <c r="D27" s="26">
        <v>4019</v>
      </c>
      <c r="E27" s="27" t="s">
        <v>35</v>
      </c>
      <c r="F27" s="27" t="s">
        <v>73</v>
      </c>
      <c r="G27" s="27" t="s">
        <v>35</v>
      </c>
      <c r="H27" s="28" t="s">
        <v>35</v>
      </c>
      <c r="I27" s="29">
        <v>0</v>
      </c>
      <c r="J27" s="30">
        <v>0</v>
      </c>
      <c r="K27" s="31" t="s">
        <v>35</v>
      </c>
      <c r="L27" s="32">
        <v>0</v>
      </c>
      <c r="M27" s="31" t="s">
        <v>35</v>
      </c>
      <c r="N27" s="27" t="s">
        <v>75</v>
      </c>
      <c r="O27" s="34" t="s">
        <v>76</v>
      </c>
      <c r="P27" s="4" t="s">
        <v>9</v>
      </c>
      <c r="Q27" s="1"/>
    </row>
    <row r="28" spans="1:17" ht="12.6" customHeight="1" x14ac:dyDescent="0.15">
      <c r="A28" s="23">
        <v>23</v>
      </c>
      <c r="B28" s="36" t="s">
        <v>77</v>
      </c>
      <c r="C28" s="25">
        <v>36987924</v>
      </c>
      <c r="D28" s="26">
        <v>4836</v>
      </c>
      <c r="E28" s="27" t="s">
        <v>35</v>
      </c>
      <c r="F28" s="27" t="s">
        <v>36</v>
      </c>
      <c r="G28" s="27" t="s">
        <v>35</v>
      </c>
      <c r="H28" s="28" t="s">
        <v>35</v>
      </c>
      <c r="I28" s="29">
        <v>0</v>
      </c>
      <c r="J28" s="30">
        <v>0</v>
      </c>
      <c r="K28" s="31" t="s">
        <v>35</v>
      </c>
      <c r="L28" s="32">
        <v>0</v>
      </c>
      <c r="M28" s="31" t="s">
        <v>35</v>
      </c>
      <c r="N28" s="27" t="s">
        <v>78</v>
      </c>
      <c r="O28" s="34" t="s">
        <v>75</v>
      </c>
      <c r="P28" s="4" t="s">
        <v>9</v>
      </c>
      <c r="Q28" s="1"/>
    </row>
    <row r="29" spans="1:17" ht="12.6" customHeight="1" x14ac:dyDescent="0.15">
      <c r="A29" s="23">
        <v>24</v>
      </c>
      <c r="B29" s="36" t="s">
        <v>79</v>
      </c>
      <c r="C29" s="25">
        <v>24432955</v>
      </c>
      <c r="D29" s="26">
        <v>8434</v>
      </c>
      <c r="E29" s="27" t="s">
        <v>35</v>
      </c>
      <c r="F29" s="27" t="s">
        <v>75</v>
      </c>
      <c r="G29" s="27" t="s">
        <v>35</v>
      </c>
      <c r="H29" s="28" t="s">
        <v>35</v>
      </c>
      <c r="I29" s="29">
        <v>0</v>
      </c>
      <c r="J29" s="30">
        <v>0</v>
      </c>
      <c r="K29" s="31" t="s">
        <v>35</v>
      </c>
      <c r="L29" s="32">
        <v>0</v>
      </c>
      <c r="M29" s="31" t="s">
        <v>35</v>
      </c>
      <c r="N29" s="27" t="s">
        <v>36</v>
      </c>
      <c r="O29" s="34" t="s">
        <v>80</v>
      </c>
      <c r="P29" s="4" t="s">
        <v>9</v>
      </c>
      <c r="Q29" s="1"/>
    </row>
    <row r="30" spans="1:17" ht="12.6" customHeight="1" x14ac:dyDescent="0.15">
      <c r="A30" s="23">
        <v>25</v>
      </c>
      <c r="B30" s="36" t="s">
        <v>81</v>
      </c>
      <c r="C30" s="25">
        <v>32278053</v>
      </c>
      <c r="D30" s="26">
        <v>7237</v>
      </c>
      <c r="E30" s="27" t="s">
        <v>35</v>
      </c>
      <c r="F30" s="27" t="s">
        <v>36</v>
      </c>
      <c r="G30" s="27" t="s">
        <v>35</v>
      </c>
      <c r="H30" s="28" t="s">
        <v>35</v>
      </c>
      <c r="I30" s="29">
        <v>0</v>
      </c>
      <c r="J30" s="30">
        <v>0</v>
      </c>
      <c r="K30" s="31" t="s">
        <v>35</v>
      </c>
      <c r="L30" s="32">
        <v>0</v>
      </c>
      <c r="M30" s="31" t="s">
        <v>35</v>
      </c>
      <c r="N30" s="27" t="s">
        <v>36</v>
      </c>
      <c r="O30" s="34" t="s">
        <v>68</v>
      </c>
      <c r="P30" s="4" t="s">
        <v>9</v>
      </c>
      <c r="Q30" s="1"/>
    </row>
    <row r="31" spans="1:17" ht="12.6" customHeight="1" x14ac:dyDescent="0.15">
      <c r="A31" s="23">
        <v>26</v>
      </c>
      <c r="B31" s="36" t="s">
        <v>82</v>
      </c>
      <c r="C31" s="25">
        <v>28197099</v>
      </c>
      <c r="D31" s="26">
        <v>9418</v>
      </c>
      <c r="E31" s="27" t="s">
        <v>35</v>
      </c>
      <c r="F31" s="27" t="s">
        <v>78</v>
      </c>
      <c r="G31" s="27" t="s">
        <v>35</v>
      </c>
      <c r="H31" s="28" t="s">
        <v>35</v>
      </c>
      <c r="I31" s="29">
        <v>0</v>
      </c>
      <c r="J31" s="30">
        <v>0</v>
      </c>
      <c r="K31" s="31" t="s">
        <v>35</v>
      </c>
      <c r="L31" s="32">
        <v>0</v>
      </c>
      <c r="M31" s="31" t="s">
        <v>35</v>
      </c>
      <c r="N31" s="27" t="s">
        <v>36</v>
      </c>
      <c r="O31" s="34" t="s">
        <v>83</v>
      </c>
      <c r="P31" s="4" t="s">
        <v>9</v>
      </c>
      <c r="Q31" s="1"/>
    </row>
    <row r="32" spans="1:17" ht="12.6" customHeight="1" x14ac:dyDescent="0.15">
      <c r="A32" s="23">
        <v>27</v>
      </c>
      <c r="B32" s="36" t="s">
        <v>84</v>
      </c>
      <c r="C32" s="25">
        <v>27109322</v>
      </c>
      <c r="D32" s="26">
        <v>8720</v>
      </c>
      <c r="E32" s="27" t="s">
        <v>35</v>
      </c>
      <c r="F32" s="27" t="s">
        <v>75</v>
      </c>
      <c r="G32" s="27" t="s">
        <v>35</v>
      </c>
      <c r="H32" s="28" t="s">
        <v>35</v>
      </c>
      <c r="I32" s="29">
        <v>0</v>
      </c>
      <c r="J32" s="30">
        <v>0</v>
      </c>
      <c r="K32" s="31" t="s">
        <v>35</v>
      </c>
      <c r="L32" s="32">
        <v>0</v>
      </c>
      <c r="M32" s="31" t="s">
        <v>35</v>
      </c>
      <c r="N32" s="27" t="s">
        <v>78</v>
      </c>
      <c r="O32" s="34" t="s">
        <v>78</v>
      </c>
      <c r="P32" s="4" t="s">
        <v>9</v>
      </c>
      <c r="Q32" s="1"/>
    </row>
    <row r="33" spans="1:17" ht="12.6" customHeight="1" x14ac:dyDescent="0.15">
      <c r="A33" s="23">
        <v>28</v>
      </c>
      <c r="B33" s="36" t="s">
        <v>85</v>
      </c>
      <c r="C33" s="25">
        <v>25884905</v>
      </c>
      <c r="D33" s="26">
        <v>6949</v>
      </c>
      <c r="E33" s="27" t="s">
        <v>35</v>
      </c>
      <c r="F33" s="27" t="s">
        <v>36</v>
      </c>
      <c r="G33" s="27" t="s">
        <v>35</v>
      </c>
      <c r="H33" s="28" t="s">
        <v>35</v>
      </c>
      <c r="I33" s="29">
        <v>0</v>
      </c>
      <c r="J33" s="30">
        <v>0</v>
      </c>
      <c r="K33" s="31" t="s">
        <v>35</v>
      </c>
      <c r="L33" s="32">
        <v>0</v>
      </c>
      <c r="M33" s="31" t="s">
        <v>35</v>
      </c>
      <c r="N33" s="27" t="s">
        <v>73</v>
      </c>
      <c r="O33" s="34" t="s">
        <v>36</v>
      </c>
      <c r="P33" s="4" t="s">
        <v>9</v>
      </c>
      <c r="Q33" s="1"/>
    </row>
    <row r="34" spans="1:17" ht="12.6" customHeight="1" x14ac:dyDescent="0.15">
      <c r="A34" s="23">
        <v>29</v>
      </c>
      <c r="B34" s="36" t="s">
        <v>86</v>
      </c>
      <c r="C34" s="25">
        <v>63180263</v>
      </c>
      <c r="D34" s="26">
        <v>17717</v>
      </c>
      <c r="E34" s="27" t="s">
        <v>35</v>
      </c>
      <c r="F34" s="27" t="s">
        <v>36</v>
      </c>
      <c r="G34" s="27" t="s">
        <v>35</v>
      </c>
      <c r="H34" s="28" t="s">
        <v>35</v>
      </c>
      <c r="I34" s="29">
        <v>0</v>
      </c>
      <c r="J34" s="30">
        <v>0</v>
      </c>
      <c r="K34" s="31" t="s">
        <v>35</v>
      </c>
      <c r="L34" s="32">
        <v>0</v>
      </c>
      <c r="M34" s="31" t="s">
        <v>35</v>
      </c>
      <c r="N34" s="27" t="s">
        <v>36</v>
      </c>
      <c r="O34" s="34" t="s">
        <v>36</v>
      </c>
      <c r="P34" s="4" t="s">
        <v>9</v>
      </c>
      <c r="Q34" s="1"/>
    </row>
    <row r="35" spans="1:17" ht="12.6" customHeight="1" x14ac:dyDescent="0.15">
      <c r="A35" s="23">
        <v>30</v>
      </c>
      <c r="B35" s="36" t="s">
        <v>87</v>
      </c>
      <c r="C35" s="25">
        <v>21129456</v>
      </c>
      <c r="D35" s="26">
        <v>8187</v>
      </c>
      <c r="E35" s="27" t="s">
        <v>35</v>
      </c>
      <c r="F35" s="27" t="s">
        <v>36</v>
      </c>
      <c r="G35" s="27" t="s">
        <v>35</v>
      </c>
      <c r="H35" s="28" t="s">
        <v>35</v>
      </c>
      <c r="I35" s="29">
        <v>0</v>
      </c>
      <c r="J35" s="30">
        <v>0</v>
      </c>
      <c r="K35" s="31" t="s">
        <v>35</v>
      </c>
      <c r="L35" s="32">
        <v>0</v>
      </c>
      <c r="M35" s="31" t="s">
        <v>35</v>
      </c>
      <c r="N35" s="27" t="s">
        <v>36</v>
      </c>
      <c r="O35" s="34" t="s">
        <v>36</v>
      </c>
      <c r="P35" s="4" t="s">
        <v>9</v>
      </c>
      <c r="Q35" s="1"/>
    </row>
    <row r="36" spans="1:17" ht="12.6" customHeight="1" x14ac:dyDescent="0.15">
      <c r="A36" s="23">
        <v>31</v>
      </c>
      <c r="B36" s="36" t="s">
        <v>88</v>
      </c>
      <c r="C36" s="25">
        <v>52728101</v>
      </c>
      <c r="D36" s="26">
        <v>6341</v>
      </c>
      <c r="E36" s="27" t="s">
        <v>35</v>
      </c>
      <c r="F36" s="27" t="s">
        <v>73</v>
      </c>
      <c r="G36" s="27" t="s">
        <v>35</v>
      </c>
      <c r="H36" s="28" t="s">
        <v>35</v>
      </c>
      <c r="I36" s="29">
        <v>0</v>
      </c>
      <c r="J36" s="30">
        <v>0</v>
      </c>
      <c r="K36" s="31" t="s">
        <v>35</v>
      </c>
      <c r="L36" s="32">
        <v>0</v>
      </c>
      <c r="M36" s="31" t="s">
        <v>35</v>
      </c>
      <c r="N36" s="27" t="s">
        <v>36</v>
      </c>
      <c r="O36" s="34" t="s">
        <v>36</v>
      </c>
      <c r="P36" s="4" t="s">
        <v>9</v>
      </c>
      <c r="Q36" s="1"/>
    </row>
    <row r="37" spans="1:17" ht="12.6" customHeight="1" x14ac:dyDescent="0.15">
      <c r="A37" s="23">
        <v>32</v>
      </c>
      <c r="B37" s="36" t="s">
        <v>89</v>
      </c>
      <c r="C37" s="25">
        <v>96432766</v>
      </c>
      <c r="D37" s="26">
        <v>7452</v>
      </c>
      <c r="E37" s="27" t="s">
        <v>35</v>
      </c>
      <c r="F37" s="27" t="s">
        <v>36</v>
      </c>
      <c r="G37" s="27" t="s">
        <v>35</v>
      </c>
      <c r="H37" s="28" t="s">
        <v>35</v>
      </c>
      <c r="I37" s="29">
        <v>0</v>
      </c>
      <c r="J37" s="30">
        <v>0</v>
      </c>
      <c r="K37" s="31" t="s">
        <v>35</v>
      </c>
      <c r="L37" s="32">
        <v>0</v>
      </c>
      <c r="M37" s="31" t="s">
        <v>35</v>
      </c>
      <c r="N37" s="27" t="s">
        <v>36</v>
      </c>
      <c r="O37" s="34" t="s">
        <v>36</v>
      </c>
      <c r="P37" s="4" t="s">
        <v>9</v>
      </c>
      <c r="Q37" s="1"/>
    </row>
    <row r="38" spans="1:17" ht="12.6" customHeight="1" thickBot="1" x14ac:dyDescent="0.2">
      <c r="A38" s="23">
        <v>33</v>
      </c>
      <c r="B38" s="36" t="s">
        <v>90</v>
      </c>
      <c r="C38" s="25">
        <v>19341500</v>
      </c>
      <c r="D38" s="49">
        <v>20274</v>
      </c>
      <c r="E38" s="27" t="s">
        <v>35</v>
      </c>
      <c r="F38" s="27" t="s">
        <v>40</v>
      </c>
      <c r="G38" s="27" t="s">
        <v>35</v>
      </c>
      <c r="H38" s="28" t="s">
        <v>35</v>
      </c>
      <c r="I38" s="29">
        <v>0</v>
      </c>
      <c r="J38" s="30">
        <v>0</v>
      </c>
      <c r="K38" s="31" t="s">
        <v>35</v>
      </c>
      <c r="L38" s="32">
        <v>0</v>
      </c>
      <c r="M38" s="31" t="s">
        <v>35</v>
      </c>
      <c r="N38" s="27" t="s">
        <v>91</v>
      </c>
      <c r="O38" s="34" t="s">
        <v>91</v>
      </c>
      <c r="P38" s="4" t="s">
        <v>9</v>
      </c>
      <c r="Q38" s="1"/>
    </row>
    <row r="39" spans="1:17" ht="12.6" hidden="1" customHeight="1" x14ac:dyDescent="0.15">
      <c r="A39" s="23">
        <v>34</v>
      </c>
      <c r="B39" s="50" t="s">
        <v>92</v>
      </c>
      <c r="C39" s="25" t="e">
        <v>#REF!</v>
      </c>
      <c r="D39" s="51" t="e">
        <v>#REF!</v>
      </c>
      <c r="E39" s="52" t="s">
        <v>35</v>
      </c>
      <c r="F39" s="27" t="s">
        <v>40</v>
      </c>
      <c r="G39" s="27" t="s">
        <v>35</v>
      </c>
      <c r="H39" s="28" t="s">
        <v>35</v>
      </c>
      <c r="I39" s="29"/>
      <c r="J39" s="30">
        <v>0</v>
      </c>
      <c r="K39" s="31" t="s">
        <v>35</v>
      </c>
      <c r="L39" s="32" t="e">
        <v>#REF!</v>
      </c>
      <c r="M39" s="31" t="s">
        <v>35</v>
      </c>
      <c r="N39" s="27" t="s">
        <v>40</v>
      </c>
      <c r="O39" s="34" t="s">
        <v>40</v>
      </c>
      <c r="P39" s="4" t="s">
        <v>9</v>
      </c>
      <c r="Q39" s="1"/>
    </row>
    <row r="40" spans="1:17" ht="12.6" hidden="1" customHeight="1" x14ac:dyDescent="0.15">
      <c r="A40" s="23">
        <v>35</v>
      </c>
      <c r="B40" s="50" t="s">
        <v>93</v>
      </c>
      <c r="C40" s="25" t="e">
        <v>#REF!</v>
      </c>
      <c r="D40" s="26" t="e">
        <v>#REF!</v>
      </c>
      <c r="E40" s="27" t="s">
        <v>35</v>
      </c>
      <c r="F40" s="27" t="s">
        <v>36</v>
      </c>
      <c r="G40" s="27" t="s">
        <v>35</v>
      </c>
      <c r="H40" s="28" t="s">
        <v>35</v>
      </c>
      <c r="I40" s="29" t="e">
        <v>#REF!</v>
      </c>
      <c r="J40" s="30" t="e">
        <v>#REF!</v>
      </c>
      <c r="K40" s="31" t="s">
        <v>35</v>
      </c>
      <c r="L40" s="32" t="e">
        <v>#REF!</v>
      </c>
      <c r="M40" s="31" t="s">
        <v>35</v>
      </c>
      <c r="N40" s="27" t="s">
        <v>45</v>
      </c>
      <c r="O40" s="34" t="s">
        <v>45</v>
      </c>
      <c r="P40" s="4" t="s">
        <v>9</v>
      </c>
      <c r="Q40" s="1"/>
    </row>
    <row r="41" spans="1:17" ht="12.6" hidden="1" customHeight="1" x14ac:dyDescent="0.15">
      <c r="A41" s="23">
        <v>36</v>
      </c>
      <c r="B41" s="50" t="s">
        <v>94</v>
      </c>
      <c r="C41" s="25" t="e">
        <v>#REF!</v>
      </c>
      <c r="D41" s="26" t="e">
        <v>#REF!</v>
      </c>
      <c r="E41" s="27" t="s">
        <v>35</v>
      </c>
      <c r="F41" s="27" t="s">
        <v>45</v>
      </c>
      <c r="G41" s="27" t="s">
        <v>35</v>
      </c>
      <c r="H41" s="28" t="s">
        <v>35</v>
      </c>
      <c r="I41" s="29" t="e">
        <v>#REF!</v>
      </c>
      <c r="J41" s="30" t="e">
        <v>#REF!</v>
      </c>
      <c r="K41" s="31" t="s">
        <v>35</v>
      </c>
      <c r="L41" s="32" t="e">
        <v>#REF!</v>
      </c>
      <c r="M41" s="31" t="s">
        <v>35</v>
      </c>
      <c r="N41" s="27" t="s">
        <v>36</v>
      </c>
      <c r="O41" s="34" t="s">
        <v>39</v>
      </c>
      <c r="P41" s="4" t="s">
        <v>9</v>
      </c>
      <c r="Q41" s="1"/>
    </row>
    <row r="42" spans="1:17" ht="12.6" hidden="1" customHeight="1" thickBot="1" x14ac:dyDescent="0.2">
      <c r="A42" s="23">
        <v>37</v>
      </c>
      <c r="B42" s="53" t="s">
        <v>95</v>
      </c>
      <c r="C42" s="39" t="e">
        <v>#REF!</v>
      </c>
      <c r="D42" s="40" t="e">
        <v>#REF!</v>
      </c>
      <c r="E42" s="41" t="s">
        <v>35</v>
      </c>
      <c r="F42" s="54" t="s">
        <v>39</v>
      </c>
      <c r="G42" s="41" t="s">
        <v>35</v>
      </c>
      <c r="H42" s="43" t="s">
        <v>35</v>
      </c>
      <c r="I42" s="55"/>
      <c r="J42" s="56">
        <v>0</v>
      </c>
      <c r="K42" s="46" t="s">
        <v>35</v>
      </c>
      <c r="L42" s="57" t="e">
        <v>#REF!</v>
      </c>
      <c r="M42" s="46" t="s">
        <v>35</v>
      </c>
      <c r="N42" s="54" t="s">
        <v>39</v>
      </c>
      <c r="O42" s="58" t="s">
        <v>39</v>
      </c>
      <c r="P42" s="4" t="s">
        <v>9</v>
      </c>
      <c r="Q42" s="1"/>
    </row>
    <row r="43" spans="1:17" s="11" customFormat="1" ht="12.6" customHeight="1" thickTop="1" thickBot="1" x14ac:dyDescent="0.2">
      <c r="A43" s="94" t="s">
        <v>96</v>
      </c>
      <c r="B43" s="95"/>
      <c r="C43" s="81">
        <v>13007541458</v>
      </c>
      <c r="D43" s="81">
        <v>6082</v>
      </c>
      <c r="E43" s="82" t="s">
        <v>35</v>
      </c>
      <c r="F43" s="83" t="s">
        <v>45</v>
      </c>
      <c r="G43" s="82" t="s">
        <v>35</v>
      </c>
      <c r="H43" s="83" t="s">
        <v>35</v>
      </c>
      <c r="I43" s="84">
        <v>0</v>
      </c>
      <c r="J43" s="84">
        <v>0</v>
      </c>
      <c r="K43" s="85" t="s">
        <v>35</v>
      </c>
      <c r="L43" s="86">
        <v>0</v>
      </c>
      <c r="M43" s="85" t="s">
        <v>35</v>
      </c>
      <c r="N43" s="83" t="s">
        <v>36</v>
      </c>
      <c r="O43" s="87" t="s">
        <v>45</v>
      </c>
      <c r="P43" s="4" t="s">
        <v>9</v>
      </c>
      <c r="Q43" s="10"/>
    </row>
    <row r="44" spans="1:17" ht="12.6" customHeight="1" thickTop="1" x14ac:dyDescent="0.15">
      <c r="A44" s="23">
        <v>301</v>
      </c>
      <c r="B44" s="59" t="s">
        <v>97</v>
      </c>
      <c r="C44" s="25">
        <v>172927423</v>
      </c>
      <c r="D44" s="26">
        <v>12624</v>
      </c>
      <c r="E44" s="60">
        <v>87093931</v>
      </c>
      <c r="F44" s="60">
        <v>68777984</v>
      </c>
      <c r="G44" s="61">
        <v>78.97</v>
      </c>
      <c r="H44" s="62">
        <v>18315947</v>
      </c>
      <c r="I44" s="29">
        <v>11591343</v>
      </c>
      <c r="J44" s="30">
        <v>846</v>
      </c>
      <c r="K44" s="32">
        <v>50.36</v>
      </c>
      <c r="L44" s="32">
        <v>6.7</v>
      </c>
      <c r="M44" s="61">
        <v>13.31</v>
      </c>
      <c r="N44" s="60">
        <v>102777984</v>
      </c>
      <c r="O44" s="63">
        <v>59.43</v>
      </c>
      <c r="P44" s="4" t="s">
        <v>9</v>
      </c>
      <c r="Q44" s="1"/>
    </row>
    <row r="45" spans="1:17" ht="12.6" customHeight="1" x14ac:dyDescent="0.15">
      <c r="A45" s="23">
        <v>302</v>
      </c>
      <c r="B45" s="64" t="s">
        <v>98</v>
      </c>
      <c r="C45" s="25">
        <v>148782667</v>
      </c>
      <c r="D45" s="26">
        <v>8893</v>
      </c>
      <c r="E45" s="26">
        <v>86575880</v>
      </c>
      <c r="F45" s="26">
        <v>58945513</v>
      </c>
      <c r="G45" s="32">
        <v>68.09</v>
      </c>
      <c r="H45" s="30">
        <v>27630367</v>
      </c>
      <c r="I45" s="29">
        <v>13484628</v>
      </c>
      <c r="J45" s="30">
        <v>806</v>
      </c>
      <c r="K45" s="32">
        <v>58.19</v>
      </c>
      <c r="L45" s="32">
        <v>9.06</v>
      </c>
      <c r="M45" s="32">
        <v>15.58</v>
      </c>
      <c r="N45" s="26">
        <v>58945513</v>
      </c>
      <c r="O45" s="63">
        <v>39.619999999999997</v>
      </c>
      <c r="P45" s="4" t="s">
        <v>9</v>
      </c>
      <c r="Q45" s="1"/>
    </row>
    <row r="46" spans="1:17" ht="12.6" customHeight="1" x14ac:dyDescent="0.15">
      <c r="A46" s="23">
        <v>303</v>
      </c>
      <c r="B46" s="64" t="s">
        <v>99</v>
      </c>
      <c r="C46" s="25">
        <v>193288815</v>
      </c>
      <c r="D46" s="26">
        <v>10248</v>
      </c>
      <c r="E46" s="26">
        <v>81247817</v>
      </c>
      <c r="F46" s="26">
        <v>61567398</v>
      </c>
      <c r="G46" s="32">
        <v>75.78</v>
      </c>
      <c r="H46" s="30">
        <v>19680419</v>
      </c>
      <c r="I46" s="29">
        <v>18895538</v>
      </c>
      <c r="J46" s="30">
        <v>1002</v>
      </c>
      <c r="K46" s="32">
        <v>42.03</v>
      </c>
      <c r="L46" s="32">
        <v>9.7799999999999994</v>
      </c>
      <c r="M46" s="32">
        <v>23.26</v>
      </c>
      <c r="N46" s="26">
        <v>89525060</v>
      </c>
      <c r="O46" s="63">
        <v>46.32</v>
      </c>
      <c r="P46" s="4" t="s">
        <v>9</v>
      </c>
      <c r="Q46" s="1"/>
    </row>
    <row r="47" spans="1:17" ht="12.6" customHeight="1" x14ac:dyDescent="0.15">
      <c r="A47" s="23">
        <v>304</v>
      </c>
      <c r="B47" s="64" t="s">
        <v>100</v>
      </c>
      <c r="C47" s="25">
        <v>71215687</v>
      </c>
      <c r="D47" s="26">
        <v>16558</v>
      </c>
      <c r="E47" s="26">
        <v>34369156</v>
      </c>
      <c r="F47" s="26">
        <v>30827139</v>
      </c>
      <c r="G47" s="32">
        <v>89.69</v>
      </c>
      <c r="H47" s="30">
        <v>3542017</v>
      </c>
      <c r="I47" s="29">
        <v>5128204</v>
      </c>
      <c r="J47" s="30">
        <v>1192</v>
      </c>
      <c r="K47" s="32">
        <v>48.26</v>
      </c>
      <c r="L47" s="32">
        <v>7.2</v>
      </c>
      <c r="M47" s="32">
        <v>14.92</v>
      </c>
      <c r="N47" s="26">
        <v>30827139</v>
      </c>
      <c r="O47" s="63">
        <v>43.29</v>
      </c>
      <c r="P47" s="4" t="s">
        <v>9</v>
      </c>
      <c r="Q47" s="1"/>
    </row>
    <row r="48" spans="1:17" ht="12.6" customHeight="1" x14ac:dyDescent="0.15">
      <c r="A48" s="23">
        <v>305</v>
      </c>
      <c r="B48" s="64" t="s">
        <v>101</v>
      </c>
      <c r="C48" s="25">
        <v>144483484</v>
      </c>
      <c r="D48" s="26">
        <v>16227</v>
      </c>
      <c r="E48" s="26">
        <v>63302224</v>
      </c>
      <c r="F48" s="26">
        <v>50998737</v>
      </c>
      <c r="G48" s="32">
        <v>80.56</v>
      </c>
      <c r="H48" s="30">
        <v>12303487</v>
      </c>
      <c r="I48" s="29">
        <v>11081888</v>
      </c>
      <c r="J48" s="30">
        <v>1245</v>
      </c>
      <c r="K48" s="32">
        <v>43.81</v>
      </c>
      <c r="L48" s="32">
        <v>7.67</v>
      </c>
      <c r="M48" s="32">
        <v>17.510000000000002</v>
      </c>
      <c r="N48" s="26">
        <v>51871779</v>
      </c>
      <c r="O48" s="63">
        <v>35.9</v>
      </c>
      <c r="P48" s="4" t="s">
        <v>9</v>
      </c>
      <c r="Q48" s="1"/>
    </row>
    <row r="49" spans="1:17" ht="12.6" customHeight="1" thickBot="1" x14ac:dyDescent="0.2">
      <c r="A49" s="37">
        <v>306</v>
      </c>
      <c r="B49" s="65" t="s">
        <v>102</v>
      </c>
      <c r="C49" s="39">
        <v>841303313</v>
      </c>
      <c r="D49" s="40">
        <v>10299</v>
      </c>
      <c r="E49" s="40">
        <v>567798182</v>
      </c>
      <c r="F49" s="40">
        <v>200870252</v>
      </c>
      <c r="G49" s="66">
        <v>35.380000000000003</v>
      </c>
      <c r="H49" s="67">
        <v>366927930</v>
      </c>
      <c r="I49" s="55">
        <v>79331466</v>
      </c>
      <c r="J49" s="67">
        <v>971</v>
      </c>
      <c r="K49" s="66">
        <v>67.489999999999995</v>
      </c>
      <c r="L49" s="66">
        <v>9.43</v>
      </c>
      <c r="M49" s="66">
        <v>13.97</v>
      </c>
      <c r="N49" s="40">
        <v>292793529</v>
      </c>
      <c r="O49" s="68">
        <v>34.799999999999997</v>
      </c>
      <c r="P49" s="4" t="s">
        <v>9</v>
      </c>
      <c r="Q49" s="1"/>
    </row>
    <row r="50" spans="1:17" s="11" customFormat="1" ht="12.6" customHeight="1" thickTop="1" thickBot="1" x14ac:dyDescent="0.2">
      <c r="A50" s="94" t="s">
        <v>103</v>
      </c>
      <c r="B50" s="95"/>
      <c r="C50" s="39">
        <v>1572001389</v>
      </c>
      <c r="D50" s="40">
        <v>10903</v>
      </c>
      <c r="E50" s="40">
        <v>920387190</v>
      </c>
      <c r="F50" s="40">
        <v>471987023</v>
      </c>
      <c r="G50" s="66">
        <v>51.28</v>
      </c>
      <c r="H50" s="67">
        <v>448400167</v>
      </c>
      <c r="I50" s="84">
        <v>139513067</v>
      </c>
      <c r="J50" s="67">
        <v>968</v>
      </c>
      <c r="K50" s="66">
        <v>58.55</v>
      </c>
      <c r="L50" s="66">
        <v>8.8699999999999992</v>
      </c>
      <c r="M50" s="66">
        <v>15.16</v>
      </c>
      <c r="N50" s="40">
        <v>626741004</v>
      </c>
      <c r="O50" s="68">
        <v>39.869999999999997</v>
      </c>
      <c r="P50" s="4" t="s">
        <v>9</v>
      </c>
      <c r="Q50" s="10"/>
    </row>
    <row r="51" spans="1:17" s="11" customFormat="1" ht="12.6" customHeight="1" thickTop="1" thickBot="1" x14ac:dyDescent="0.2">
      <c r="A51" s="96" t="s">
        <v>104</v>
      </c>
      <c r="B51" s="97"/>
      <c r="C51" s="88">
        <v>14579542847</v>
      </c>
      <c r="D51" s="89">
        <v>6386</v>
      </c>
      <c r="E51" s="89">
        <v>920387190</v>
      </c>
      <c r="F51" s="89">
        <v>471987023</v>
      </c>
      <c r="G51" s="90">
        <v>51.28</v>
      </c>
      <c r="H51" s="91">
        <v>448400167</v>
      </c>
      <c r="I51" s="89">
        <v>139513067</v>
      </c>
      <c r="J51" s="92" t="s">
        <v>35</v>
      </c>
      <c r="K51" s="90">
        <v>6.31</v>
      </c>
      <c r="L51" s="90">
        <v>0.96</v>
      </c>
      <c r="M51" s="90">
        <v>15.16</v>
      </c>
      <c r="N51" s="89">
        <v>626741004</v>
      </c>
      <c r="O51" s="93">
        <v>4.3</v>
      </c>
      <c r="P51" s="4" t="s">
        <v>9</v>
      </c>
      <c r="Q51" s="10"/>
    </row>
    <row r="52" spans="1:17" s="75" customFormat="1" ht="11.1" customHeight="1" x14ac:dyDescent="0.15">
      <c r="A52" s="69"/>
      <c r="B52" s="69"/>
      <c r="C52" s="70"/>
      <c r="D52" s="71"/>
      <c r="E52" s="71"/>
      <c r="F52" s="71"/>
      <c r="G52" s="71"/>
      <c r="H52" s="72"/>
      <c r="I52" s="72"/>
      <c r="J52" s="72"/>
      <c r="K52" s="72"/>
      <c r="L52" s="72"/>
      <c r="M52" s="72"/>
      <c r="N52" s="72"/>
      <c r="O52" s="72"/>
      <c r="P52" s="73" t="s">
        <v>9</v>
      </c>
      <c r="Q52" s="74"/>
    </row>
    <row r="53" spans="1:17" ht="10.5" customHeight="1" x14ac:dyDescent="0.15">
      <c r="A53" s="76"/>
      <c r="B53" s="76"/>
      <c r="C53" s="77"/>
      <c r="D53" s="77"/>
      <c r="E53" s="77"/>
      <c r="F53" s="77"/>
      <c r="G53" s="77"/>
      <c r="H53" s="77"/>
      <c r="I53" s="77"/>
      <c r="J53" s="77"/>
      <c r="K53" s="77"/>
      <c r="L53" s="77"/>
      <c r="M53" s="77"/>
      <c r="N53" s="77"/>
      <c r="O53" s="77"/>
      <c r="P53" s="76"/>
    </row>
    <row r="54" spans="1:17" ht="10.5" customHeight="1" x14ac:dyDescent="0.15">
      <c r="A54" s="76"/>
      <c r="B54" s="76"/>
      <c r="C54" s="77"/>
      <c r="D54" s="77"/>
      <c r="E54" s="77"/>
      <c r="F54" s="77"/>
      <c r="G54" s="77"/>
      <c r="H54" s="77"/>
      <c r="I54" s="77"/>
      <c r="J54" s="77"/>
      <c r="K54" s="77"/>
      <c r="L54" s="77"/>
      <c r="M54" s="77"/>
      <c r="N54" s="77"/>
      <c r="O54" s="77"/>
      <c r="P54" s="76"/>
    </row>
    <row r="55" spans="1:17" x14ac:dyDescent="0.15">
      <c r="C55" s="77"/>
      <c r="D55" s="77"/>
      <c r="E55" s="78"/>
      <c r="F55" s="77"/>
      <c r="G55" s="11"/>
      <c r="H55" s="11"/>
      <c r="I55" s="11"/>
      <c r="J55" s="11"/>
      <c r="K55" s="78"/>
      <c r="L55" s="78"/>
      <c r="M55" s="11"/>
      <c r="N55" s="11"/>
      <c r="O55" s="11"/>
    </row>
    <row r="56" spans="1:17" x14ac:dyDescent="0.15">
      <c r="C56" s="77"/>
      <c r="D56" s="77"/>
      <c r="E56" s="78"/>
      <c r="F56" s="77"/>
      <c r="G56" s="11"/>
      <c r="H56" s="11"/>
      <c r="I56" s="11"/>
      <c r="J56" s="11"/>
      <c r="K56" s="78"/>
      <c r="L56" s="78"/>
      <c r="M56" s="11"/>
      <c r="N56" s="11"/>
      <c r="O56" s="11"/>
    </row>
    <row r="57" spans="1:17" x14ac:dyDescent="0.15">
      <c r="C57" s="77"/>
      <c r="D57" s="77"/>
      <c r="E57" s="78"/>
      <c r="F57" s="77"/>
      <c r="G57" s="11"/>
      <c r="H57" s="11"/>
      <c r="I57" s="11"/>
      <c r="J57" s="11"/>
      <c r="K57" s="78"/>
      <c r="L57" s="78"/>
      <c r="M57" s="11"/>
      <c r="N57" s="11"/>
      <c r="O57" s="11"/>
    </row>
    <row r="58" spans="1:17" x14ac:dyDescent="0.15">
      <c r="C58" s="11"/>
      <c r="D58" s="11"/>
      <c r="E58" s="11"/>
      <c r="F58" s="11"/>
      <c r="G58" s="11"/>
      <c r="H58" s="11"/>
      <c r="I58" s="11"/>
      <c r="J58" s="11"/>
      <c r="K58" s="78"/>
      <c r="L58" s="78"/>
      <c r="M58" s="11"/>
      <c r="N58" s="11"/>
      <c r="O58" s="11"/>
    </row>
    <row r="59" spans="1:17" x14ac:dyDescent="0.15">
      <c r="C59" s="11"/>
      <c r="D59" s="11"/>
      <c r="E59" s="11"/>
      <c r="F59" s="11"/>
      <c r="G59" s="11"/>
      <c r="H59" s="11"/>
      <c r="I59" s="11"/>
      <c r="J59" s="11"/>
      <c r="K59" s="78"/>
      <c r="L59" s="78"/>
      <c r="M59" s="11"/>
      <c r="N59" s="11"/>
      <c r="O59" s="11"/>
    </row>
    <row r="60" spans="1:17" x14ac:dyDescent="0.15">
      <c r="C60" s="11"/>
      <c r="D60" s="11"/>
      <c r="E60" s="11"/>
      <c r="F60" s="11"/>
      <c r="G60" s="11"/>
      <c r="H60" s="11"/>
      <c r="I60" s="11"/>
      <c r="J60" s="11"/>
      <c r="K60" s="78"/>
      <c r="L60" s="78"/>
      <c r="M60" s="11"/>
      <c r="N60" s="11"/>
      <c r="O60" s="11"/>
    </row>
    <row r="61" spans="1:17" x14ac:dyDescent="0.15">
      <c r="C61" s="11"/>
      <c r="D61" s="11"/>
      <c r="E61" s="11"/>
      <c r="F61" s="11"/>
      <c r="G61" s="11"/>
      <c r="H61" s="11"/>
      <c r="I61" s="11"/>
      <c r="J61" s="11"/>
      <c r="K61" s="78"/>
      <c r="L61" s="78"/>
      <c r="M61" s="11"/>
      <c r="N61" s="11"/>
      <c r="O61" s="11"/>
    </row>
    <row r="62" spans="1:17" x14ac:dyDescent="0.15">
      <c r="C62" s="11"/>
      <c r="D62" s="11"/>
      <c r="E62" s="11"/>
      <c r="F62" s="11"/>
      <c r="G62" s="11"/>
      <c r="H62" s="11"/>
      <c r="I62" s="11"/>
      <c r="J62" s="11"/>
      <c r="K62" s="78"/>
      <c r="L62" s="78"/>
      <c r="M62" s="11"/>
      <c r="N62" s="11"/>
      <c r="O62" s="11"/>
    </row>
    <row r="63" spans="1:17" x14ac:dyDescent="0.15">
      <c r="C63" s="11"/>
      <c r="D63" s="11"/>
      <c r="E63" s="11"/>
      <c r="F63" s="11"/>
      <c r="G63" s="11"/>
      <c r="H63" s="11"/>
      <c r="I63" s="11"/>
      <c r="J63" s="11"/>
      <c r="K63" s="78"/>
      <c r="L63" s="78"/>
      <c r="M63" s="11"/>
      <c r="N63" s="11"/>
      <c r="O63" s="11"/>
    </row>
    <row r="64" spans="1:17" x14ac:dyDescent="0.15">
      <c r="C64" s="11"/>
      <c r="D64" s="11"/>
      <c r="E64" s="11"/>
      <c r="F64" s="11"/>
      <c r="G64" s="11"/>
      <c r="H64" s="11"/>
      <c r="I64" s="11"/>
      <c r="J64" s="11"/>
      <c r="K64" s="78"/>
      <c r="L64" s="78"/>
      <c r="M64" s="11"/>
      <c r="N64" s="11"/>
      <c r="O64" s="11"/>
    </row>
    <row r="65" spans="3:15" x14ac:dyDescent="0.15">
      <c r="C65" s="11"/>
      <c r="D65" s="11"/>
      <c r="E65" s="11"/>
      <c r="F65" s="11"/>
      <c r="G65" s="11"/>
      <c r="H65" s="11"/>
      <c r="I65" s="11"/>
      <c r="J65" s="11"/>
      <c r="K65" s="78"/>
      <c r="L65" s="78"/>
      <c r="M65" s="11"/>
      <c r="N65" s="11"/>
      <c r="O65" s="11"/>
    </row>
    <row r="66" spans="3:15" x14ac:dyDescent="0.15">
      <c r="K66" s="79"/>
      <c r="L66" s="79"/>
    </row>
    <row r="67" spans="3:15" x14ac:dyDescent="0.15">
      <c r="K67" s="79"/>
      <c r="L67" s="79"/>
    </row>
    <row r="68" spans="3:15" x14ac:dyDescent="0.15">
      <c r="K68" s="79"/>
      <c r="L68" s="79"/>
    </row>
    <row r="69" spans="3:15" x14ac:dyDescent="0.15">
      <c r="K69" s="79"/>
      <c r="L69" s="79"/>
    </row>
    <row r="70" spans="3:15" x14ac:dyDescent="0.15">
      <c r="K70" s="79"/>
      <c r="L70" s="79"/>
    </row>
    <row r="71" spans="3:15" x14ac:dyDescent="0.15">
      <c r="K71" s="79"/>
      <c r="L71" s="79"/>
    </row>
    <row r="72" spans="3:15" x14ac:dyDescent="0.15">
      <c r="K72" s="79"/>
      <c r="L72" s="79"/>
    </row>
    <row r="73" spans="3:15" x14ac:dyDescent="0.15">
      <c r="K73" s="79"/>
      <c r="L73" s="79"/>
    </row>
    <row r="74" spans="3:15" x14ac:dyDescent="0.15">
      <c r="K74" s="79"/>
      <c r="L74" s="79"/>
    </row>
    <row r="75" spans="3:15" x14ac:dyDescent="0.15">
      <c r="C75" s="79">
        <v>0</v>
      </c>
      <c r="D75" s="79">
        <v>0</v>
      </c>
      <c r="E75" s="79">
        <v>0</v>
      </c>
      <c r="F75" s="79">
        <v>0</v>
      </c>
      <c r="G75" s="79">
        <v>0</v>
      </c>
      <c r="H75" s="79">
        <v>0</v>
      </c>
      <c r="I75" s="79">
        <v>0</v>
      </c>
      <c r="J75" s="79">
        <v>0</v>
      </c>
      <c r="K75" s="79">
        <v>0</v>
      </c>
      <c r="L75" s="79">
        <v>0</v>
      </c>
      <c r="M75" s="79">
        <v>0</v>
      </c>
    </row>
    <row r="94" spans="2:3" x14ac:dyDescent="0.15">
      <c r="C94" s="76"/>
    </row>
    <row r="95" spans="2:3" x14ac:dyDescent="0.15">
      <c r="B95" s="76"/>
    </row>
    <row r="97" spans="2:28" x14ac:dyDescent="0.15">
      <c r="B97" s="76"/>
      <c r="H97" s="79"/>
      <c r="I97" s="76"/>
    </row>
    <row r="98" spans="2:28" x14ac:dyDescent="0.15">
      <c r="C98" s="76"/>
      <c r="D98" s="76"/>
      <c r="E98" s="76"/>
      <c r="H98" s="79"/>
      <c r="I98" s="76"/>
    </row>
    <row r="99" spans="2:28" x14ac:dyDescent="0.15">
      <c r="C99" s="76"/>
      <c r="D99" s="76"/>
      <c r="E99" s="76"/>
      <c r="H99" s="79"/>
      <c r="I99" s="76"/>
    </row>
    <row r="100" spans="2:28" x14ac:dyDescent="0.15">
      <c r="C100" s="76"/>
      <c r="D100" s="79"/>
      <c r="E100" s="76"/>
      <c r="F100" s="76"/>
      <c r="G100" s="76"/>
      <c r="H100" s="76"/>
      <c r="I100" s="76"/>
    </row>
    <row r="101" spans="2:28" x14ac:dyDescent="0.15">
      <c r="B101" s="76"/>
      <c r="C101" s="76"/>
      <c r="D101" s="79"/>
      <c r="E101" s="76"/>
      <c r="F101" s="76"/>
      <c r="G101" s="76"/>
      <c r="H101" s="76"/>
      <c r="I101" s="76"/>
    </row>
    <row r="102" spans="2:28" x14ac:dyDescent="0.15">
      <c r="C102" s="76"/>
      <c r="D102" s="79"/>
      <c r="E102" s="76"/>
      <c r="F102" s="76"/>
      <c r="G102" s="76"/>
      <c r="H102" s="76"/>
      <c r="I102" s="79"/>
      <c r="J102" s="79"/>
      <c r="T102" s="79"/>
      <c r="U102" s="76"/>
      <c r="V102" s="76"/>
      <c r="W102" s="76"/>
      <c r="X102" s="76"/>
    </row>
    <row r="103" spans="2:28" x14ac:dyDescent="0.15">
      <c r="B103" s="76"/>
      <c r="C103" s="79"/>
      <c r="D103" s="79"/>
      <c r="E103" s="76"/>
      <c r="F103" s="76"/>
      <c r="G103" s="76"/>
      <c r="H103" s="76"/>
      <c r="I103" s="76"/>
      <c r="J103" s="79"/>
      <c r="T103" s="79"/>
      <c r="U103" s="76"/>
      <c r="V103" s="76"/>
      <c r="W103" s="76"/>
      <c r="X103" s="76"/>
    </row>
    <row r="104" spans="2:28" x14ac:dyDescent="0.15">
      <c r="C104" s="76"/>
      <c r="D104" s="79"/>
      <c r="E104" s="76"/>
      <c r="F104" s="76"/>
      <c r="G104" s="76"/>
      <c r="H104" s="76"/>
      <c r="I104" s="79"/>
      <c r="J104" s="79"/>
      <c r="T104" s="79"/>
    </row>
    <row r="105" spans="2:28" x14ac:dyDescent="0.15">
      <c r="C105" s="79"/>
      <c r="D105" s="79"/>
      <c r="E105" s="79"/>
      <c r="F105" s="79"/>
      <c r="G105" s="79"/>
      <c r="H105" s="79"/>
      <c r="I105" s="76"/>
      <c r="J105" s="79"/>
      <c r="T105" s="79"/>
      <c r="U105" s="76"/>
      <c r="V105" s="76"/>
      <c r="W105" s="76"/>
      <c r="X105" s="76"/>
    </row>
    <row r="106" spans="2:28" x14ac:dyDescent="0.15">
      <c r="B106" s="76"/>
      <c r="C106" s="76"/>
      <c r="D106" s="76"/>
      <c r="E106" s="76"/>
      <c r="F106" s="76"/>
      <c r="G106" s="76"/>
      <c r="H106" s="76"/>
      <c r="I106" s="79"/>
      <c r="J106" s="79"/>
      <c r="K106" s="79"/>
      <c r="T106" s="79"/>
      <c r="U106" s="76"/>
      <c r="V106" s="76"/>
      <c r="W106" s="76"/>
      <c r="X106" s="76"/>
    </row>
    <row r="107" spans="2:28" x14ac:dyDescent="0.15">
      <c r="D107" s="79"/>
      <c r="E107" s="79"/>
      <c r="F107" s="79"/>
      <c r="G107" s="79"/>
      <c r="H107" s="79"/>
      <c r="I107" s="79"/>
      <c r="J107" s="76"/>
      <c r="K107" s="79"/>
      <c r="T107" s="79"/>
    </row>
    <row r="108" spans="2:28" x14ac:dyDescent="0.15">
      <c r="B108" s="76"/>
      <c r="C108" s="76"/>
      <c r="D108" s="76"/>
      <c r="E108" s="76"/>
      <c r="F108" s="76"/>
      <c r="G108" s="76"/>
      <c r="H108" s="76"/>
      <c r="I108" s="79"/>
      <c r="J108" s="76"/>
      <c r="K108" s="79"/>
      <c r="T108" s="79"/>
      <c r="U108" s="76"/>
      <c r="V108" s="76"/>
      <c r="W108" s="76"/>
      <c r="X108" s="76"/>
      <c r="Y108" s="79"/>
      <c r="AB108" s="79"/>
    </row>
    <row r="109" spans="2:28" x14ac:dyDescent="0.15">
      <c r="C109" s="79"/>
      <c r="D109" s="79"/>
      <c r="E109" s="79"/>
      <c r="F109" s="76"/>
      <c r="G109" s="79"/>
      <c r="T109" s="79"/>
      <c r="U109" s="76"/>
      <c r="V109" s="76"/>
      <c r="W109" s="76"/>
      <c r="X109" s="76"/>
      <c r="AB109" s="79"/>
    </row>
    <row r="110" spans="2:28" x14ac:dyDescent="0.15">
      <c r="B110" s="76"/>
      <c r="C110" s="76"/>
      <c r="D110" s="76"/>
      <c r="E110" s="76"/>
      <c r="F110" s="76"/>
      <c r="G110" s="76"/>
      <c r="H110" s="76"/>
      <c r="I110" s="76"/>
      <c r="J110" s="79"/>
      <c r="U110" s="76"/>
      <c r="V110" s="76"/>
      <c r="W110" s="76"/>
      <c r="X110" s="76"/>
      <c r="Y110" s="79"/>
    </row>
    <row r="111" spans="2:28" x14ac:dyDescent="0.15">
      <c r="B111" s="76"/>
      <c r="U111" s="76"/>
      <c r="V111" s="76"/>
      <c r="W111" s="76"/>
      <c r="X111" s="76"/>
      <c r="Y111" s="79"/>
      <c r="AB111" s="79"/>
    </row>
    <row r="112" spans="2:28" x14ac:dyDescent="0.15">
      <c r="D112" s="76"/>
      <c r="E112" s="76"/>
      <c r="F112" s="79"/>
      <c r="T112" s="76"/>
      <c r="U112" s="76"/>
      <c r="V112" s="76"/>
      <c r="X112" s="76"/>
      <c r="Z112" s="79"/>
      <c r="AB112" s="79"/>
    </row>
    <row r="113" spans="2:26" x14ac:dyDescent="0.15">
      <c r="E113" s="79"/>
      <c r="U113" s="76"/>
      <c r="V113" s="76"/>
      <c r="W113" s="76"/>
      <c r="X113" s="76"/>
      <c r="Y113" s="79"/>
    </row>
    <row r="114" spans="2:26" x14ac:dyDescent="0.15">
      <c r="B114" s="76"/>
      <c r="C114" s="79"/>
      <c r="E114" s="79"/>
      <c r="T114" s="76"/>
      <c r="V114" s="79"/>
    </row>
    <row r="115" spans="2:26" x14ac:dyDescent="0.15">
      <c r="C115" s="79"/>
      <c r="D115" s="79"/>
      <c r="T115" s="76"/>
      <c r="U115" s="76"/>
      <c r="V115" s="76"/>
      <c r="X115" s="76"/>
      <c r="Z115" s="79"/>
    </row>
    <row r="116" spans="2:26" x14ac:dyDescent="0.15">
      <c r="B116" s="76"/>
      <c r="C116" s="76"/>
    </row>
    <row r="117" spans="2:26" x14ac:dyDescent="0.15">
      <c r="C117" s="76"/>
      <c r="E117" s="79"/>
      <c r="T117" s="76"/>
      <c r="V117" s="79"/>
    </row>
    <row r="118" spans="2:26" x14ac:dyDescent="0.15">
      <c r="B118" s="76"/>
      <c r="C118" s="79"/>
      <c r="D118" s="79"/>
      <c r="E118" s="79"/>
      <c r="I118" s="79"/>
      <c r="J118" s="79"/>
    </row>
    <row r="119" spans="2:26" x14ac:dyDescent="0.15">
      <c r="B119" s="76"/>
      <c r="C119" s="76"/>
      <c r="D119" s="76"/>
      <c r="E119" s="76"/>
      <c r="G119" s="79"/>
      <c r="H119" s="76"/>
      <c r="I119" s="76"/>
      <c r="J119" s="79"/>
    </row>
    <row r="120" spans="2:26" x14ac:dyDescent="0.15">
      <c r="B120" s="76"/>
      <c r="C120" s="76"/>
      <c r="D120" s="76"/>
      <c r="E120" s="76"/>
      <c r="H120" s="76"/>
      <c r="I120" s="76"/>
    </row>
    <row r="121" spans="2:26" x14ac:dyDescent="0.15">
      <c r="B121" s="76"/>
      <c r="C121" s="76"/>
      <c r="D121" s="79"/>
      <c r="E121" s="79"/>
      <c r="H121" s="76"/>
      <c r="I121" s="76"/>
      <c r="T121" s="76"/>
      <c r="U121" s="76"/>
      <c r="X121" s="76"/>
      <c r="Y121" s="76"/>
    </row>
    <row r="122" spans="2:26" x14ac:dyDescent="0.15">
      <c r="C122" s="76"/>
      <c r="D122" s="76"/>
      <c r="E122" s="76"/>
      <c r="H122" s="79"/>
      <c r="I122" s="79"/>
      <c r="X122" s="76"/>
      <c r="Y122" s="76"/>
    </row>
    <row r="123" spans="2:26" x14ac:dyDescent="0.15">
      <c r="B123" s="76"/>
      <c r="C123" s="76"/>
      <c r="D123" s="76"/>
      <c r="E123" s="76"/>
      <c r="H123" s="76"/>
      <c r="I123" s="76"/>
      <c r="T123" s="79"/>
      <c r="U123" s="79"/>
      <c r="X123" s="76"/>
      <c r="Y123" s="76"/>
    </row>
    <row r="124" spans="2:26" x14ac:dyDescent="0.15">
      <c r="B124" s="76"/>
      <c r="D124" s="76"/>
      <c r="E124" s="76"/>
      <c r="H124" s="76"/>
      <c r="I124" s="76"/>
      <c r="J124" s="79"/>
      <c r="T124" s="76"/>
      <c r="U124" s="76"/>
      <c r="X124" s="76"/>
      <c r="Y124" s="76"/>
    </row>
    <row r="125" spans="2:26" x14ac:dyDescent="0.15">
      <c r="B125" s="76"/>
      <c r="D125" s="76"/>
      <c r="E125" s="76"/>
      <c r="G125" s="79"/>
      <c r="H125" s="76"/>
      <c r="I125" s="76"/>
      <c r="J125" s="79"/>
      <c r="T125" s="76"/>
      <c r="U125" s="76"/>
      <c r="X125" s="76"/>
      <c r="Y125" s="76"/>
    </row>
    <row r="126" spans="2:26" x14ac:dyDescent="0.15">
      <c r="B126" s="76"/>
      <c r="C126" s="79"/>
      <c r="D126" s="76"/>
      <c r="E126" s="76"/>
      <c r="H126" s="76"/>
      <c r="I126" s="76"/>
      <c r="T126" s="79"/>
      <c r="U126" s="79"/>
      <c r="X126" s="76"/>
      <c r="Y126" s="76"/>
    </row>
    <row r="127" spans="2:26" x14ac:dyDescent="0.15">
      <c r="C127" s="76"/>
      <c r="D127" s="76"/>
      <c r="E127" s="76"/>
      <c r="H127" s="76"/>
      <c r="I127" s="76"/>
      <c r="J127" s="79"/>
      <c r="T127" s="76"/>
      <c r="U127" s="76"/>
      <c r="X127" s="79"/>
      <c r="Y127" s="79"/>
    </row>
    <row r="128" spans="2:26" x14ac:dyDescent="0.15">
      <c r="C128" s="76"/>
      <c r="D128" s="76"/>
      <c r="E128" s="76"/>
      <c r="G128" s="79"/>
      <c r="H128" s="79"/>
      <c r="I128" s="79"/>
      <c r="J128" s="79"/>
      <c r="T128" s="76"/>
      <c r="U128" s="76"/>
      <c r="X128" s="76"/>
      <c r="Y128" s="76"/>
    </row>
    <row r="129" spans="3:25" x14ac:dyDescent="0.15">
      <c r="D129" s="79"/>
      <c r="E129" s="79"/>
      <c r="H129" s="76"/>
      <c r="I129" s="76"/>
      <c r="J129" s="79"/>
      <c r="X129" s="76"/>
      <c r="Y129" s="76"/>
    </row>
    <row r="130" spans="3:25" x14ac:dyDescent="0.15">
      <c r="C130" s="76"/>
      <c r="D130" s="76"/>
      <c r="E130" s="76"/>
      <c r="G130" s="79"/>
      <c r="H130" s="76"/>
      <c r="I130" s="76"/>
      <c r="J130" s="79"/>
      <c r="X130" s="76"/>
      <c r="Y130" s="76"/>
    </row>
    <row r="131" spans="3:25" x14ac:dyDescent="0.15">
      <c r="C131" s="76"/>
      <c r="D131" s="76"/>
      <c r="E131" s="76"/>
      <c r="H131" s="79"/>
      <c r="I131" s="79"/>
      <c r="T131" s="76"/>
      <c r="U131" s="76"/>
    </row>
    <row r="132" spans="3:25" x14ac:dyDescent="0.15">
      <c r="C132" s="76"/>
      <c r="D132" s="76"/>
      <c r="E132" s="76"/>
      <c r="H132" s="76"/>
      <c r="I132" s="76"/>
      <c r="J132" s="79"/>
      <c r="X132" s="76"/>
      <c r="Y132" s="76"/>
    </row>
    <row r="133" spans="3:25" x14ac:dyDescent="0.15">
      <c r="D133" s="76"/>
      <c r="E133" s="76"/>
      <c r="G133" s="79"/>
      <c r="H133" s="79"/>
      <c r="I133" s="79"/>
      <c r="J133" s="79"/>
      <c r="T133" s="76"/>
      <c r="U133" s="76"/>
      <c r="X133" s="79"/>
      <c r="Y133" s="79"/>
    </row>
    <row r="134" spans="3:25" x14ac:dyDescent="0.15">
      <c r="D134" s="76"/>
      <c r="E134" s="76"/>
      <c r="H134" s="76"/>
      <c r="I134" s="76"/>
      <c r="T134" s="79"/>
      <c r="U134" s="79"/>
      <c r="X134" s="76"/>
      <c r="Y134" s="76"/>
    </row>
    <row r="135" spans="3:25" x14ac:dyDescent="0.15">
      <c r="C135" s="76"/>
      <c r="D135" s="76"/>
      <c r="E135" s="76"/>
      <c r="H135" s="76"/>
      <c r="I135" s="76"/>
      <c r="X135" s="79"/>
      <c r="Y135" s="79"/>
    </row>
    <row r="136" spans="3:25" x14ac:dyDescent="0.15">
      <c r="C136" s="76"/>
      <c r="D136" s="76"/>
      <c r="E136" s="76"/>
      <c r="F136" s="79"/>
      <c r="H136" s="79"/>
      <c r="I136" s="79"/>
      <c r="T136" s="76"/>
      <c r="U136" s="76"/>
      <c r="X136" s="79"/>
      <c r="Y136" s="79"/>
    </row>
    <row r="137" spans="3:25" x14ac:dyDescent="0.15">
      <c r="C137" s="79"/>
      <c r="D137" s="76"/>
      <c r="E137" s="76"/>
      <c r="F137" s="79"/>
      <c r="H137" s="76"/>
      <c r="I137" s="76"/>
      <c r="X137" s="76"/>
      <c r="Y137" s="76"/>
    </row>
    <row r="138" spans="3:25" x14ac:dyDescent="0.15">
      <c r="D138" s="76"/>
      <c r="E138" s="76"/>
      <c r="F138" s="79"/>
      <c r="H138" s="76"/>
      <c r="I138" s="76"/>
      <c r="X138" s="79"/>
      <c r="Y138" s="79"/>
    </row>
    <row r="139" spans="3:25" x14ac:dyDescent="0.15">
      <c r="D139" s="76"/>
      <c r="E139" s="76"/>
      <c r="H139" s="76"/>
      <c r="I139" s="76"/>
      <c r="X139" s="76"/>
      <c r="Y139" s="76"/>
    </row>
    <row r="140" spans="3:25" x14ac:dyDescent="0.15">
      <c r="D140" s="79"/>
      <c r="E140" s="79"/>
      <c r="H140" s="76"/>
      <c r="I140" s="76"/>
      <c r="T140" s="76"/>
      <c r="U140" s="76"/>
      <c r="X140" s="76"/>
      <c r="Y140" s="76"/>
    </row>
    <row r="141" spans="3:25" x14ac:dyDescent="0.15">
      <c r="H141" s="76"/>
      <c r="I141" s="76"/>
      <c r="J141" s="79"/>
      <c r="T141" s="76"/>
      <c r="U141" s="76"/>
      <c r="X141" s="79"/>
      <c r="Y141" s="79"/>
    </row>
    <row r="142" spans="3:25" x14ac:dyDescent="0.15">
      <c r="E142" s="76"/>
      <c r="G142" s="79"/>
      <c r="H142" s="76"/>
      <c r="I142" s="76"/>
      <c r="J142" s="76"/>
      <c r="T142" s="79"/>
      <c r="U142" s="79"/>
    </row>
    <row r="143" spans="3:25" x14ac:dyDescent="0.15">
      <c r="E143" s="76"/>
      <c r="H143" s="76"/>
      <c r="J143" s="76"/>
      <c r="T143" s="76"/>
      <c r="U143" s="76"/>
      <c r="X143" s="76"/>
      <c r="Y143" s="76"/>
    </row>
    <row r="144" spans="3:25" x14ac:dyDescent="0.15">
      <c r="E144" s="76"/>
      <c r="H144" s="79"/>
      <c r="I144" s="79"/>
      <c r="T144" s="76"/>
      <c r="U144" s="76"/>
    </row>
    <row r="145" spans="2:25" x14ac:dyDescent="0.15">
      <c r="B145" s="76"/>
      <c r="J145" s="79"/>
      <c r="T145" s="79"/>
      <c r="U145" s="79"/>
      <c r="X145" s="76"/>
    </row>
    <row r="146" spans="2:25" x14ac:dyDescent="0.15">
      <c r="C146" s="79"/>
      <c r="E146" s="79"/>
      <c r="H146" s="79"/>
      <c r="J146" s="79"/>
      <c r="X146" s="76"/>
      <c r="Y146" s="76"/>
    </row>
    <row r="147" spans="2:25" x14ac:dyDescent="0.15">
      <c r="C147" s="79"/>
      <c r="E147" s="79"/>
      <c r="H147" s="79"/>
      <c r="J147" s="79"/>
      <c r="U147" s="79"/>
    </row>
    <row r="148" spans="2:25" x14ac:dyDescent="0.15">
      <c r="C148" s="79"/>
      <c r="D148" s="79"/>
      <c r="E148" s="76"/>
      <c r="F148" s="76"/>
      <c r="G148" s="76"/>
      <c r="H148" s="76"/>
      <c r="I148" s="79"/>
      <c r="J148" s="79"/>
      <c r="X148" s="76"/>
    </row>
    <row r="149" spans="2:25" x14ac:dyDescent="0.15">
      <c r="D149" s="79"/>
      <c r="E149" s="76"/>
      <c r="F149" s="76"/>
      <c r="G149" s="76"/>
      <c r="H149" s="76"/>
      <c r="I149" s="79"/>
      <c r="X149" s="79"/>
      <c r="Y149" s="79"/>
    </row>
    <row r="150" spans="2:25" x14ac:dyDescent="0.15">
      <c r="B150" s="76"/>
      <c r="D150" s="79"/>
      <c r="E150" s="76"/>
      <c r="F150" s="76"/>
      <c r="G150" s="76"/>
      <c r="H150" s="76"/>
      <c r="I150" s="79"/>
      <c r="T150" s="79"/>
      <c r="U150" s="76"/>
      <c r="Y150" s="79"/>
    </row>
    <row r="151" spans="2:25" x14ac:dyDescent="0.15">
      <c r="T151" s="79"/>
    </row>
    <row r="152" spans="2:25" x14ac:dyDescent="0.15">
      <c r="B152" s="76"/>
      <c r="T152" s="79"/>
      <c r="U152" s="79"/>
      <c r="V152" s="79"/>
      <c r="W152" s="79"/>
      <c r="X152" s="79"/>
      <c r="Y152" s="79"/>
    </row>
    <row r="153" spans="2:25" x14ac:dyDescent="0.15">
      <c r="T153" s="79"/>
      <c r="U153" s="76"/>
      <c r="Y153" s="79"/>
    </row>
    <row r="154" spans="2:25" x14ac:dyDescent="0.15">
      <c r="B154" s="76"/>
      <c r="E154" s="76"/>
      <c r="F154" s="76"/>
      <c r="G154" s="76"/>
      <c r="H154" s="76"/>
      <c r="T154" s="79"/>
    </row>
    <row r="155" spans="2:25" x14ac:dyDescent="0.15">
      <c r="E155" s="76"/>
      <c r="F155" s="76"/>
      <c r="G155" s="76"/>
      <c r="H155" s="76"/>
      <c r="T155" s="79"/>
      <c r="U155" s="79"/>
      <c r="V155" s="79"/>
      <c r="W155" s="79"/>
      <c r="X155" s="79"/>
      <c r="Y155" s="79"/>
    </row>
    <row r="156" spans="2:25" x14ac:dyDescent="0.15">
      <c r="E156" s="76"/>
      <c r="F156" s="76"/>
      <c r="G156" s="76"/>
      <c r="H156" s="76"/>
      <c r="U156" s="76"/>
      <c r="V156" s="76"/>
    </row>
    <row r="157" spans="2:25" x14ac:dyDescent="0.15">
      <c r="E157" s="76"/>
      <c r="F157" s="76"/>
      <c r="G157" s="76"/>
      <c r="H157" s="76"/>
      <c r="U157" s="76"/>
      <c r="V157" s="76"/>
    </row>
    <row r="158" spans="2:25" x14ac:dyDescent="0.15">
      <c r="B158" s="76"/>
      <c r="E158" s="76"/>
      <c r="F158" s="76"/>
      <c r="G158" s="76"/>
      <c r="H158" s="76"/>
      <c r="U158" s="76"/>
      <c r="V158" s="76"/>
    </row>
    <row r="159" spans="2:25" x14ac:dyDescent="0.15">
      <c r="E159" s="76"/>
      <c r="F159" s="76"/>
      <c r="G159" s="76"/>
      <c r="H159" s="76"/>
      <c r="U159" s="76"/>
      <c r="V159" s="76"/>
    </row>
    <row r="160" spans="2:25" x14ac:dyDescent="0.15">
      <c r="E160" s="76"/>
      <c r="H160" s="76"/>
      <c r="U160" s="76"/>
      <c r="V160" s="76"/>
    </row>
    <row r="161" spans="2:25" x14ac:dyDescent="0.15">
      <c r="B161" s="76"/>
      <c r="U161" s="76"/>
      <c r="V161" s="76"/>
    </row>
    <row r="162" spans="2:25" x14ac:dyDescent="0.15">
      <c r="B162" s="76"/>
      <c r="U162" s="76"/>
      <c r="V162" s="76"/>
    </row>
    <row r="163" spans="2:25" x14ac:dyDescent="0.15">
      <c r="U163" s="76"/>
    </row>
    <row r="164" spans="2:25" x14ac:dyDescent="0.15">
      <c r="B164" s="76"/>
      <c r="U164" s="76"/>
    </row>
    <row r="165" spans="2:25" x14ac:dyDescent="0.15">
      <c r="U165" s="76"/>
    </row>
    <row r="166" spans="2:25" x14ac:dyDescent="0.15">
      <c r="B166" s="76"/>
    </row>
    <row r="167" spans="2:25" x14ac:dyDescent="0.15">
      <c r="B167" s="76"/>
      <c r="D167" s="76"/>
      <c r="F167" s="76"/>
      <c r="G167" s="76"/>
      <c r="H167" s="76"/>
      <c r="I167" s="76"/>
    </row>
    <row r="168" spans="2:25" x14ac:dyDescent="0.15">
      <c r="D168" s="76"/>
      <c r="F168" s="76"/>
      <c r="G168" s="76"/>
      <c r="H168" s="76"/>
      <c r="I168" s="76"/>
    </row>
    <row r="169" spans="2:25" x14ac:dyDescent="0.15">
      <c r="B169" s="76"/>
      <c r="D169" s="76"/>
      <c r="F169" s="76"/>
      <c r="G169" s="76"/>
      <c r="H169" s="76"/>
      <c r="I169" s="76"/>
      <c r="T169" s="76"/>
      <c r="V169" s="76"/>
      <c r="W169" s="76"/>
      <c r="X169" s="76"/>
      <c r="Y169" s="76"/>
    </row>
    <row r="170" spans="2:25" x14ac:dyDescent="0.15">
      <c r="B170" s="76"/>
      <c r="D170" s="76"/>
      <c r="T170" s="76"/>
      <c r="V170" s="76"/>
      <c r="W170" s="76"/>
    </row>
    <row r="171" spans="2:25" x14ac:dyDescent="0.15">
      <c r="B171" s="76"/>
      <c r="D171" s="76"/>
      <c r="F171" s="76"/>
      <c r="G171" s="76"/>
      <c r="H171" s="76"/>
      <c r="I171" s="76"/>
      <c r="T171" s="76"/>
      <c r="V171" s="76"/>
      <c r="W171" s="76"/>
    </row>
    <row r="172" spans="2:25" x14ac:dyDescent="0.15">
      <c r="T172" s="76"/>
      <c r="V172" s="76"/>
      <c r="W172" s="76"/>
      <c r="X172" s="76"/>
      <c r="Y172" s="76"/>
    </row>
    <row r="173" spans="2:25" x14ac:dyDescent="0.15">
      <c r="B173" s="76"/>
      <c r="T173" s="76"/>
      <c r="V173" s="76"/>
      <c r="W173" s="76"/>
    </row>
    <row r="174" spans="2:25" x14ac:dyDescent="0.15">
      <c r="B174" s="76"/>
      <c r="T174" s="76"/>
      <c r="V174" s="76"/>
      <c r="W174" s="76"/>
    </row>
    <row r="176" spans="2:25" x14ac:dyDescent="0.15">
      <c r="D176" s="76"/>
      <c r="E176" s="76"/>
      <c r="F176" s="76"/>
      <c r="G176" s="76"/>
      <c r="H176" s="76"/>
    </row>
    <row r="177" spans="2:25" x14ac:dyDescent="0.15">
      <c r="D177" s="76"/>
      <c r="E177" s="76"/>
      <c r="F177" s="76"/>
      <c r="G177" s="76"/>
      <c r="H177" s="76"/>
    </row>
    <row r="178" spans="2:25" x14ac:dyDescent="0.15">
      <c r="B178" s="76"/>
      <c r="D178" s="76"/>
      <c r="E178" s="76"/>
      <c r="F178" s="76"/>
      <c r="G178" s="76"/>
      <c r="H178" s="76"/>
      <c r="U178" s="76"/>
      <c r="V178" s="76"/>
      <c r="W178" s="76"/>
      <c r="X178" s="76"/>
    </row>
    <row r="179" spans="2:25" x14ac:dyDescent="0.15">
      <c r="D179" s="76"/>
      <c r="E179" s="76"/>
      <c r="F179" s="76"/>
      <c r="H179" s="76"/>
      <c r="U179" s="76"/>
      <c r="V179" s="76"/>
      <c r="W179" s="76"/>
      <c r="X179" s="76"/>
    </row>
    <row r="180" spans="2:25" x14ac:dyDescent="0.15">
      <c r="D180" s="76"/>
      <c r="E180" s="76"/>
      <c r="F180" s="76"/>
      <c r="H180" s="76"/>
      <c r="U180" s="76"/>
      <c r="V180" s="76"/>
      <c r="W180" s="76"/>
      <c r="X180" s="76"/>
    </row>
    <row r="181" spans="2:25" x14ac:dyDescent="0.15">
      <c r="D181" s="76"/>
      <c r="E181" s="76"/>
      <c r="F181" s="76"/>
      <c r="H181" s="76"/>
      <c r="U181" s="76"/>
      <c r="V181" s="76"/>
      <c r="W181" s="76"/>
      <c r="X181" s="76"/>
    </row>
    <row r="182" spans="2:25" x14ac:dyDescent="0.15">
      <c r="B182" s="76"/>
      <c r="U182" s="76"/>
      <c r="V182" s="76"/>
      <c r="W182" s="76"/>
      <c r="X182" s="76"/>
    </row>
    <row r="183" spans="2:25" x14ac:dyDescent="0.15">
      <c r="B183" s="76"/>
      <c r="U183" s="76"/>
      <c r="V183" s="76"/>
      <c r="W183" s="76"/>
      <c r="X183" s="76"/>
    </row>
    <row r="185" spans="2:25" x14ac:dyDescent="0.15">
      <c r="B185" s="76"/>
      <c r="D185" s="76"/>
      <c r="E185" s="76"/>
      <c r="F185" s="76"/>
      <c r="G185" s="76"/>
    </row>
    <row r="186" spans="2:25" x14ac:dyDescent="0.15">
      <c r="B186" s="76"/>
      <c r="D186" s="76"/>
      <c r="E186" s="76"/>
      <c r="F186" s="76"/>
      <c r="G186" s="76"/>
    </row>
    <row r="187" spans="2:25" x14ac:dyDescent="0.15">
      <c r="T187" s="76"/>
      <c r="U187" s="76"/>
      <c r="W187" s="76"/>
      <c r="Y187" s="76"/>
    </row>
    <row r="188" spans="2:25" x14ac:dyDescent="0.15">
      <c r="T188" s="76"/>
      <c r="U188" s="76"/>
      <c r="W188" s="76"/>
    </row>
    <row r="189" spans="2:25" x14ac:dyDescent="0.15">
      <c r="B189" s="76"/>
    </row>
    <row r="190" spans="2:25" x14ac:dyDescent="0.15">
      <c r="D190" s="76"/>
      <c r="E190" s="76"/>
      <c r="F190" s="76"/>
      <c r="T190" s="76"/>
      <c r="U190" s="76"/>
      <c r="W190" s="76"/>
    </row>
    <row r="191" spans="2:25" x14ac:dyDescent="0.15">
      <c r="D191" s="76"/>
      <c r="E191" s="76"/>
      <c r="F191" s="76"/>
      <c r="T191" s="76"/>
      <c r="U191" s="76"/>
      <c r="W191" s="76"/>
    </row>
    <row r="192" spans="2:25" x14ac:dyDescent="0.15">
      <c r="B192" s="76"/>
      <c r="D192" s="76"/>
      <c r="E192" s="76"/>
      <c r="F192" s="76"/>
      <c r="H192" s="76"/>
      <c r="I192" s="76"/>
      <c r="T192" s="76"/>
      <c r="U192" s="76"/>
      <c r="V192" s="76"/>
    </row>
    <row r="193" spans="2:24" x14ac:dyDescent="0.15">
      <c r="C193" s="76"/>
      <c r="G193" s="76"/>
      <c r="H193" s="76"/>
      <c r="I193" s="76"/>
      <c r="T193" s="76"/>
      <c r="U193" s="76"/>
      <c r="V193" s="76"/>
    </row>
    <row r="194" spans="2:24" x14ac:dyDescent="0.15">
      <c r="B194" s="76"/>
      <c r="C194" s="76"/>
      <c r="D194" s="76"/>
      <c r="E194" s="76"/>
      <c r="F194" s="76"/>
      <c r="G194" s="76"/>
      <c r="H194" s="76"/>
      <c r="T194" s="76"/>
      <c r="U194" s="76"/>
      <c r="V194" s="76"/>
    </row>
    <row r="195" spans="2:24" x14ac:dyDescent="0.15">
      <c r="C195" s="76"/>
      <c r="T195" s="76"/>
      <c r="U195" s="76"/>
      <c r="V195" s="76"/>
    </row>
    <row r="196" spans="2:24" x14ac:dyDescent="0.15">
      <c r="B196" s="76"/>
      <c r="T196" s="76"/>
      <c r="U196" s="76"/>
      <c r="V196" s="76"/>
    </row>
    <row r="197" spans="2:24" x14ac:dyDescent="0.15">
      <c r="T197" s="76"/>
      <c r="U197" s="76"/>
      <c r="V197" s="76"/>
    </row>
    <row r="198" spans="2:24" x14ac:dyDescent="0.15">
      <c r="B198" s="76"/>
    </row>
    <row r="199" spans="2:24" x14ac:dyDescent="0.15">
      <c r="B199" s="76"/>
      <c r="T199" s="76"/>
      <c r="U199" s="76"/>
      <c r="V199" s="76"/>
    </row>
    <row r="201" spans="2:24" x14ac:dyDescent="0.15">
      <c r="B201" s="76"/>
      <c r="D201" s="76"/>
      <c r="F201" s="76"/>
      <c r="G201" s="76"/>
      <c r="H201" s="76"/>
    </row>
    <row r="202" spans="2:24" x14ac:dyDescent="0.15">
      <c r="B202" s="76"/>
      <c r="C202" s="76"/>
      <c r="D202" s="76"/>
      <c r="F202" s="76"/>
      <c r="G202" s="76"/>
      <c r="H202" s="76"/>
    </row>
    <row r="203" spans="2:24" x14ac:dyDescent="0.15">
      <c r="C203" s="76"/>
      <c r="D203" s="76"/>
      <c r="F203" s="76"/>
      <c r="G203" s="76"/>
      <c r="H203" s="76"/>
      <c r="T203" s="76"/>
      <c r="V203" s="76"/>
      <c r="W203" s="76"/>
    </row>
    <row r="204" spans="2:24" x14ac:dyDescent="0.15">
      <c r="B204" s="76"/>
      <c r="C204" s="76"/>
      <c r="T204" s="76"/>
      <c r="V204" s="76"/>
      <c r="W204" s="76"/>
    </row>
    <row r="205" spans="2:24" x14ac:dyDescent="0.15">
      <c r="B205" s="76"/>
      <c r="T205" s="76"/>
      <c r="V205" s="76"/>
      <c r="W205" s="76"/>
    </row>
    <row r="206" spans="2:24" x14ac:dyDescent="0.15">
      <c r="C206" s="76"/>
      <c r="E206" s="76"/>
      <c r="H206" s="76"/>
      <c r="T206" s="76"/>
      <c r="V206" s="76"/>
      <c r="W206" s="76"/>
    </row>
    <row r="207" spans="2:24" x14ac:dyDescent="0.15">
      <c r="B207" s="76"/>
      <c r="C207" s="76"/>
      <c r="E207" s="76"/>
      <c r="H207" s="76"/>
      <c r="T207" s="76"/>
      <c r="V207" s="76"/>
      <c r="W207" s="76"/>
    </row>
    <row r="208" spans="2:24" x14ac:dyDescent="0.15">
      <c r="C208" s="76"/>
      <c r="T208" s="76"/>
      <c r="V208" s="76"/>
      <c r="W208" s="76"/>
      <c r="X208" s="76"/>
    </row>
    <row r="209" spans="2:24" x14ac:dyDescent="0.15">
      <c r="B209" s="76"/>
    </row>
    <row r="211" spans="2:24" x14ac:dyDescent="0.15">
      <c r="B211" s="76"/>
      <c r="D211" s="76"/>
      <c r="E211" s="76"/>
      <c r="F211" s="76"/>
      <c r="X211" s="76"/>
    </row>
    <row r="212" spans="2:24" x14ac:dyDescent="0.15">
      <c r="D212" s="76"/>
      <c r="E212" s="76"/>
      <c r="F212" s="76"/>
      <c r="X212" s="76"/>
    </row>
    <row r="213" spans="2:24" x14ac:dyDescent="0.15">
      <c r="D213" s="76"/>
      <c r="E213" s="76"/>
      <c r="F213" s="76"/>
      <c r="T213" s="76"/>
      <c r="U213" s="76"/>
      <c r="V213" s="76"/>
    </row>
    <row r="214" spans="2:24" x14ac:dyDescent="0.15">
      <c r="B214" s="76"/>
      <c r="I214" s="76"/>
      <c r="T214" s="76"/>
      <c r="U214" s="76"/>
      <c r="V214" s="76"/>
    </row>
    <row r="215" spans="2:24" x14ac:dyDescent="0.15">
      <c r="C215" s="76"/>
      <c r="D215" s="76"/>
      <c r="E215" s="76"/>
      <c r="F215" s="76"/>
      <c r="I215" s="76"/>
      <c r="T215" s="76"/>
      <c r="U215" s="76"/>
      <c r="V215" s="76"/>
    </row>
    <row r="216" spans="2:24" x14ac:dyDescent="0.15">
      <c r="B216" s="76"/>
      <c r="C216" s="76"/>
      <c r="D216" s="76"/>
      <c r="E216" s="76"/>
      <c r="F216" s="76"/>
      <c r="I216" s="76"/>
      <c r="T216" s="76"/>
      <c r="U216" s="76"/>
      <c r="V216" s="76"/>
    </row>
    <row r="217" spans="2:24" x14ac:dyDescent="0.15">
      <c r="C217" s="76"/>
      <c r="D217" s="76"/>
      <c r="E217" s="76"/>
      <c r="F217" s="76"/>
      <c r="G217" s="76"/>
      <c r="I217" s="76"/>
      <c r="T217" s="76"/>
      <c r="U217" s="76"/>
      <c r="V217" s="76"/>
    </row>
    <row r="218" spans="2:24" x14ac:dyDescent="0.15">
      <c r="C218" s="76"/>
      <c r="G218" s="76"/>
      <c r="T218" s="76"/>
      <c r="U218" s="76"/>
      <c r="V218" s="76"/>
    </row>
    <row r="220" spans="2:24" x14ac:dyDescent="0.15">
      <c r="T220" s="76"/>
      <c r="U220" s="76"/>
      <c r="V220" s="76"/>
    </row>
    <row r="221" spans="2:24" x14ac:dyDescent="0.15">
      <c r="B221" s="76"/>
    </row>
    <row r="225" spans="2:10" x14ac:dyDescent="0.15">
      <c r="E225" s="76"/>
      <c r="F225" s="76"/>
      <c r="G225" s="76"/>
      <c r="H225" s="76"/>
    </row>
    <row r="226" spans="2:10" x14ac:dyDescent="0.15">
      <c r="E226" s="76"/>
      <c r="F226" s="76"/>
      <c r="G226" s="76"/>
      <c r="H226" s="76"/>
    </row>
    <row r="227" spans="2:10" x14ac:dyDescent="0.15">
      <c r="E227" s="76"/>
      <c r="F227" s="76"/>
      <c r="G227" s="76"/>
      <c r="H227" s="76"/>
    </row>
    <row r="228" spans="2:10" x14ac:dyDescent="0.15">
      <c r="E228" s="76"/>
      <c r="F228" s="76"/>
      <c r="G228" s="76"/>
      <c r="H228" s="76"/>
    </row>
    <row r="230" spans="2:10" x14ac:dyDescent="0.15">
      <c r="B230" s="76"/>
    </row>
    <row r="232" spans="2:10" x14ac:dyDescent="0.15">
      <c r="B232" s="76"/>
      <c r="J232" s="79"/>
    </row>
    <row r="233" spans="2:10" x14ac:dyDescent="0.15">
      <c r="C233" s="79"/>
      <c r="E233" s="79"/>
      <c r="H233" s="79"/>
      <c r="J233" s="79"/>
    </row>
    <row r="234" spans="2:10" x14ac:dyDescent="0.15">
      <c r="C234" s="79"/>
      <c r="D234" s="76"/>
      <c r="E234" s="76"/>
      <c r="F234" s="79"/>
      <c r="G234" s="79"/>
      <c r="H234" s="76"/>
      <c r="I234" s="76"/>
      <c r="J234" s="79"/>
    </row>
    <row r="235" spans="2:10" x14ac:dyDescent="0.15">
      <c r="C235" s="79"/>
      <c r="D235" s="76"/>
      <c r="E235" s="76"/>
      <c r="F235" s="79"/>
      <c r="G235" s="79"/>
      <c r="H235" s="76"/>
      <c r="I235" s="76"/>
    </row>
    <row r="236" spans="2:10" x14ac:dyDescent="0.15">
      <c r="D236" s="76"/>
      <c r="E236" s="76"/>
    </row>
    <row r="237" spans="2:10" x14ac:dyDescent="0.15">
      <c r="B237" s="76"/>
      <c r="D237" s="76"/>
      <c r="E237" s="76"/>
      <c r="H237" s="76"/>
      <c r="I237" s="76"/>
      <c r="J237" s="79"/>
    </row>
    <row r="238" spans="2:10" x14ac:dyDescent="0.15">
      <c r="J238" s="79"/>
    </row>
    <row r="239" spans="2:10" x14ac:dyDescent="0.15">
      <c r="B239" s="76"/>
      <c r="F239" s="79"/>
      <c r="G239" s="79"/>
      <c r="H239" s="76"/>
      <c r="I239" s="76"/>
      <c r="J239" s="79"/>
    </row>
    <row r="240" spans="2:10" x14ac:dyDescent="0.15">
      <c r="H240" s="76"/>
      <c r="I240" s="76"/>
    </row>
    <row r="241" spans="2:25" x14ac:dyDescent="0.15">
      <c r="B241" s="76"/>
    </row>
    <row r="242" spans="2:25" x14ac:dyDescent="0.15">
      <c r="X242" s="76"/>
      <c r="Y242" s="76"/>
    </row>
    <row r="243" spans="2:25" x14ac:dyDescent="0.15">
      <c r="B243" s="76"/>
    </row>
    <row r="245" spans="2:25" x14ac:dyDescent="0.15">
      <c r="D245" s="79"/>
      <c r="E245" s="76"/>
      <c r="F245" s="76"/>
      <c r="G245" s="76"/>
      <c r="H245" s="76"/>
      <c r="I245" s="79"/>
      <c r="X245" s="76"/>
      <c r="Y245" s="76"/>
    </row>
    <row r="246" spans="2:25" x14ac:dyDescent="0.15">
      <c r="B246" s="76"/>
      <c r="D246" s="79"/>
      <c r="E246" s="76"/>
      <c r="F246" s="76"/>
      <c r="G246" s="76"/>
      <c r="H246" s="76"/>
      <c r="I246" s="79"/>
    </row>
    <row r="247" spans="2:25" x14ac:dyDescent="0.15">
      <c r="B247" s="76"/>
      <c r="D247" s="79"/>
      <c r="E247" s="79"/>
      <c r="F247" s="79"/>
      <c r="G247" s="79"/>
      <c r="H247" s="79"/>
      <c r="I247" s="79"/>
      <c r="T247" s="79"/>
    </row>
    <row r="248" spans="2:25" x14ac:dyDescent="0.15">
      <c r="T248" s="79"/>
    </row>
    <row r="249" spans="2:25" x14ac:dyDescent="0.15">
      <c r="B249" s="76"/>
      <c r="T249" s="79"/>
      <c r="U249" s="79"/>
      <c r="V249" s="79"/>
      <c r="W249" s="79"/>
      <c r="X249" s="79"/>
    </row>
    <row r="250" spans="2:25" x14ac:dyDescent="0.15">
      <c r="T250" s="79"/>
    </row>
    <row r="251" spans="2:25" x14ac:dyDescent="0.15">
      <c r="B251" s="76"/>
      <c r="E251" s="76"/>
      <c r="F251" s="76"/>
      <c r="G251" s="76"/>
      <c r="H251" s="76"/>
      <c r="T251" s="79"/>
    </row>
    <row r="252" spans="2:25" x14ac:dyDescent="0.15">
      <c r="B252" s="76"/>
      <c r="E252" s="76"/>
      <c r="F252" s="76"/>
      <c r="G252" s="76"/>
      <c r="H252" s="76"/>
      <c r="T252" s="79"/>
      <c r="U252" s="79"/>
      <c r="V252" s="79"/>
      <c r="W252" s="79"/>
      <c r="X252" s="79"/>
    </row>
    <row r="253" spans="2:25" x14ac:dyDescent="0.15">
      <c r="E253" s="76"/>
      <c r="F253" s="76"/>
      <c r="G253" s="76"/>
      <c r="H253" s="76"/>
    </row>
    <row r="254" spans="2:25" x14ac:dyDescent="0.15">
      <c r="B254" s="76"/>
      <c r="E254" s="76"/>
      <c r="F254" s="76"/>
      <c r="G254" s="76"/>
      <c r="H254" s="76"/>
    </row>
    <row r="255" spans="2:25" x14ac:dyDescent="0.15">
      <c r="B255" s="76"/>
      <c r="E255" s="76"/>
      <c r="F255" s="76"/>
      <c r="G255" s="76"/>
      <c r="H255" s="76"/>
    </row>
    <row r="256" spans="2:25" x14ac:dyDescent="0.15">
      <c r="B256" s="76"/>
    </row>
    <row r="258" spans="2:9" x14ac:dyDescent="0.15">
      <c r="B258" s="76"/>
    </row>
    <row r="259" spans="2:9" x14ac:dyDescent="0.15">
      <c r="B259" s="76"/>
    </row>
    <row r="262" spans="2:9" x14ac:dyDescent="0.15">
      <c r="D262" s="76"/>
      <c r="F262" s="76"/>
      <c r="G262" s="76"/>
      <c r="H262" s="76"/>
      <c r="I262" s="76"/>
    </row>
    <row r="263" spans="2:9" x14ac:dyDescent="0.15">
      <c r="B263" s="76"/>
      <c r="D263" s="76"/>
      <c r="F263" s="76"/>
      <c r="G263" s="76"/>
      <c r="H263" s="76"/>
      <c r="I263" s="76"/>
    </row>
    <row r="264" spans="2:9" x14ac:dyDescent="0.15">
      <c r="B264" s="76"/>
      <c r="D264" s="76"/>
      <c r="F264" s="76"/>
      <c r="G264" s="76"/>
      <c r="H264" s="76"/>
      <c r="I264" s="76"/>
    </row>
    <row r="266" spans="2:9" x14ac:dyDescent="0.15">
      <c r="B266" s="76"/>
    </row>
    <row r="267" spans="2:9" x14ac:dyDescent="0.15">
      <c r="B267" s="76"/>
    </row>
    <row r="270" spans="2:9" x14ac:dyDescent="0.15">
      <c r="B270" s="76"/>
    </row>
    <row r="271" spans="2:9" x14ac:dyDescent="0.15">
      <c r="D271" s="76"/>
      <c r="E271" s="76"/>
      <c r="F271" s="76"/>
      <c r="G271" s="76"/>
      <c r="H271" s="76"/>
    </row>
    <row r="272" spans="2:9" x14ac:dyDescent="0.15">
      <c r="B272" s="76"/>
      <c r="D272" s="76"/>
      <c r="E272" s="76"/>
      <c r="F272" s="76"/>
      <c r="G272" s="76"/>
      <c r="H272" s="76"/>
    </row>
    <row r="273" spans="2:8" x14ac:dyDescent="0.15">
      <c r="B273" s="76"/>
      <c r="D273" s="76"/>
      <c r="E273" s="76"/>
      <c r="F273" s="76"/>
      <c r="G273" s="76"/>
      <c r="H273" s="76"/>
    </row>
    <row r="274" spans="2:8" x14ac:dyDescent="0.15">
      <c r="D274" s="76"/>
      <c r="E274" s="76"/>
      <c r="F274" s="76"/>
      <c r="G274" s="76"/>
      <c r="H274" s="76"/>
    </row>
    <row r="275" spans="2:8" x14ac:dyDescent="0.15">
      <c r="D275" s="76"/>
      <c r="E275" s="76"/>
      <c r="F275" s="76"/>
      <c r="G275" s="76"/>
      <c r="H275" s="76"/>
    </row>
    <row r="276" spans="2:8" x14ac:dyDescent="0.15">
      <c r="D276" s="76"/>
      <c r="E276" s="76"/>
      <c r="F276" s="76"/>
      <c r="G276" s="76"/>
      <c r="H276" s="76"/>
    </row>
    <row r="280" spans="2:8" x14ac:dyDescent="0.15">
      <c r="D280" s="76"/>
      <c r="E280" s="76"/>
      <c r="F280" s="76"/>
    </row>
    <row r="281" spans="2:8" x14ac:dyDescent="0.15">
      <c r="D281" s="76"/>
      <c r="E281" s="76"/>
      <c r="F281" s="76"/>
    </row>
    <row r="282" spans="2:8" x14ac:dyDescent="0.15">
      <c r="D282" s="76"/>
      <c r="E282" s="76"/>
      <c r="F282" s="76"/>
    </row>
    <row r="284" spans="2:8" x14ac:dyDescent="0.15">
      <c r="D284" s="76"/>
      <c r="E284" s="76"/>
      <c r="F284" s="76"/>
    </row>
    <row r="286" spans="2:8" x14ac:dyDescent="0.15">
      <c r="D286" s="76"/>
      <c r="E286" s="76"/>
      <c r="F286" s="76"/>
    </row>
    <row r="287" spans="2:8" x14ac:dyDescent="0.15">
      <c r="D287" s="76"/>
      <c r="E287" s="76"/>
      <c r="F287" s="76"/>
    </row>
    <row r="288" spans="2:8" x14ac:dyDescent="0.15">
      <c r="D288" s="76"/>
      <c r="E288" s="76"/>
      <c r="F288" s="76"/>
    </row>
    <row r="290" spans="4:24" x14ac:dyDescent="0.15">
      <c r="D290" s="76"/>
      <c r="E290" s="76"/>
      <c r="F290" s="76"/>
    </row>
    <row r="298" spans="4:24" x14ac:dyDescent="0.15">
      <c r="D298" s="79"/>
      <c r="E298" s="76"/>
    </row>
    <row r="299" spans="4:24" x14ac:dyDescent="0.15">
      <c r="D299" s="79"/>
      <c r="E299" s="76"/>
    </row>
    <row r="300" spans="4:24" x14ac:dyDescent="0.15">
      <c r="D300" s="79"/>
      <c r="E300" s="79"/>
      <c r="F300" s="79"/>
      <c r="G300" s="79"/>
      <c r="H300" s="79"/>
      <c r="T300" s="79"/>
    </row>
    <row r="301" spans="4:24" x14ac:dyDescent="0.15">
      <c r="T301" s="79"/>
    </row>
    <row r="302" spans="4:24" x14ac:dyDescent="0.15">
      <c r="T302" s="79"/>
      <c r="U302" s="79"/>
      <c r="V302" s="79"/>
      <c r="W302" s="79"/>
      <c r="X302" s="79"/>
    </row>
    <row r="303" spans="4:24" x14ac:dyDescent="0.15">
      <c r="T303" s="79"/>
    </row>
    <row r="304" spans="4:24" x14ac:dyDescent="0.15">
      <c r="E304" s="76"/>
      <c r="T304" s="79"/>
    </row>
    <row r="305" spans="4:24" x14ac:dyDescent="0.15">
      <c r="E305" s="76"/>
      <c r="T305" s="79"/>
      <c r="U305" s="79"/>
      <c r="V305" s="79"/>
      <c r="W305" s="79"/>
      <c r="X305" s="79"/>
    </row>
    <row r="313" spans="4:24" x14ac:dyDescent="0.15">
      <c r="D313" s="76"/>
      <c r="F313" s="76"/>
      <c r="G313" s="76"/>
    </row>
    <row r="314" spans="4:24" x14ac:dyDescent="0.15">
      <c r="D314" s="76"/>
      <c r="F314" s="76"/>
      <c r="G314" s="76"/>
    </row>
    <row r="320" spans="4:24" x14ac:dyDescent="0.15">
      <c r="D320" s="76"/>
      <c r="E320" s="76"/>
      <c r="F320" s="76"/>
    </row>
    <row r="321" spans="4:6" x14ac:dyDescent="0.15">
      <c r="D321" s="76"/>
      <c r="E321" s="76"/>
      <c r="F321" s="76"/>
    </row>
    <row r="322" spans="4:6" x14ac:dyDescent="0.15">
      <c r="D322" s="76"/>
      <c r="E322" s="76"/>
      <c r="F322" s="76"/>
    </row>
    <row r="324" spans="4:6" x14ac:dyDescent="0.15">
      <c r="D324" s="76"/>
      <c r="E324" s="76"/>
      <c r="F324" s="76"/>
    </row>
  </sheetData>
  <mergeCells count="9">
    <mergeCell ref="E3:H3"/>
    <mergeCell ref="I3:J3"/>
    <mergeCell ref="K3:L3"/>
    <mergeCell ref="N3:O3"/>
    <mergeCell ref="A43:B43"/>
    <mergeCell ref="A50:B50"/>
    <mergeCell ref="A51:B51"/>
    <mergeCell ref="A3:B5"/>
    <mergeCell ref="C3:D3"/>
  </mergeCells>
  <phoneticPr fontId="2"/>
  <printOptions gridLinesSet="0"/>
  <pageMargins left="0.7" right="0.7" top="0.75" bottom="0.75" header="0.3" footer="0.3"/>
  <pageSetup paperSize="9" scale="91" orientation="landscape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4</vt:i4>
      </vt:variant>
    </vt:vector>
  </HeadingPairs>
  <TitlesOfParts>
    <vt:vector size="5" baseType="lpstr">
      <vt:lpstr>第10表</vt:lpstr>
      <vt:lpstr>\a</vt:lpstr>
      <vt:lpstr>第10表!Print_Area</vt:lpstr>
      <vt:lpstr>第10表!Print_Area_MI</vt:lpstr>
      <vt:lpstr>第10表!Print_Titles_MI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Windows ユーザー</cp:lastModifiedBy>
  <cp:lastPrinted>2018-03-08T02:07:06Z</cp:lastPrinted>
  <dcterms:created xsi:type="dcterms:W3CDTF">2018-03-07T05:05:42Z</dcterms:created>
  <dcterms:modified xsi:type="dcterms:W3CDTF">2018-03-08T02:07:16Z</dcterms:modified>
</cp:coreProperties>
</file>